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1_607_USG vyššej strednej triedy\03. Príprava\04. PTK\01. Odoslanie PTK\"/>
    </mc:Choice>
  </mc:AlternateContent>
  <bookViews>
    <workbookView xWindow="0" yWindow="0" windowWidth="23040" windowHeight="9195"/>
  </bookViews>
  <sheets>
    <sheet name="Cenová ponuka" sheetId="8" r:id="rId1"/>
  </sheets>
  <definedNames>
    <definedName name="_xlnm.Print_Area" localSheetId="0">'Cenová ponuka'!$B$1:$F$23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05" uniqueCount="364">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Položka č. 2</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33112340-3   Echokardiografy</t>
  </si>
  <si>
    <t>51410000-9   Inštalácia lekárskych zariadení</t>
  </si>
  <si>
    <t>50421000-2   Opravy a údržba lekárskych zariadení</t>
  </si>
  <si>
    <t>33141641-5   Sondy</t>
  </si>
  <si>
    <t>2.1</t>
  </si>
  <si>
    <t>2.2</t>
  </si>
  <si>
    <t>7.</t>
  </si>
  <si>
    <t>12.</t>
  </si>
  <si>
    <t>13.</t>
  </si>
  <si>
    <t>15.</t>
  </si>
  <si>
    <t>16.</t>
  </si>
  <si>
    <t>17.</t>
  </si>
  <si>
    <t>18.</t>
  </si>
  <si>
    <t>19.</t>
  </si>
  <si>
    <t>20.</t>
  </si>
  <si>
    <t>21.</t>
  </si>
  <si>
    <t>22.</t>
  </si>
  <si>
    <t>23.</t>
  </si>
  <si>
    <t>xxx</t>
  </si>
  <si>
    <t>v pracovných dňoch,</t>
  </si>
  <si>
    <t>v čase od 08:00 hod. do 14:30 hod.,</t>
  </si>
  <si>
    <t>2.3</t>
  </si>
  <si>
    <t>2.4</t>
  </si>
  <si>
    <t>2.5</t>
  </si>
  <si>
    <t>2.6</t>
  </si>
  <si>
    <t>5.1</t>
  </si>
  <si>
    <t>5.2</t>
  </si>
  <si>
    <t>5.3</t>
  </si>
  <si>
    <t>5.4</t>
  </si>
  <si>
    <t>5.5</t>
  </si>
  <si>
    <t>Súčasťou záväzku dodávateľa podľa bodu 2. je zároveň poskytnutie písomných dokladov potrebných pre riadne a bezchybné použitie zariadenia na stanovený účel, a to najmä, no nie len:</t>
  </si>
  <si>
    <t>návod na použitie zariadenia v slovenskom jazyku (resp. v českom jazyku),</t>
  </si>
  <si>
    <t>záručný list,</t>
  </si>
  <si>
    <t>preberací (akceptačný) protokol,</t>
  </si>
  <si>
    <t>inštalačný protokol,</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vykonanie ďalších servisných úkonov a činností predpísaných príslušnou právnou úpravou a aplikovateľnými normami,</t>
  </si>
  <si>
    <t>vykonanie akýchkoľvek neplánovaných opráv a údržby, ktoré nevyplývajú zo servisného plánu výrobcu zariadenia, ak takáto oprava je nevyhnutná za účelom zabezpečenia prevádzky zariadenia, vrátane generálnej opravy,</t>
  </si>
  <si>
    <t>Dodávateľ je povinný počas trvania záručnej doby odstrániť vady v nasledujúcich lehotách od nástupu na opravu:</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4.</t>
  </si>
  <si>
    <t>25.</t>
  </si>
  <si>
    <t>mesiac</t>
  </si>
  <si>
    <t>26.</t>
  </si>
  <si>
    <t>Príslušenstvo:</t>
  </si>
  <si>
    <t>Požaduje sa poskytovať službu (pozáručný servis) najmä v nasledovnom rozsahu:</t>
  </si>
  <si>
    <t>preventívna údržba systémov v počte 1-2 pracovných dní za kalendárny rok v rozsahu podľa manuálu určeného výrobcom systému,</t>
  </si>
  <si>
    <t>za účelom vykonania preventívnej údržby si zmluvné strany po uzatvorení zmluvy vypracujú Plán údržby, v ktorom sa dohodnú na termínoch pre preventívnu údržbu,</t>
  </si>
  <si>
    <t>1.1</t>
  </si>
  <si>
    <t>zmenu týchto termínov je možné uskutočniť len vzájomnou dohodou zmluvných strán, pričom takéto zmeny musia byť dohodnuté vždy včas, aby nebola narušená prevádzka objednávateľa.</t>
  </si>
  <si>
    <t>1.2</t>
  </si>
  <si>
    <t>všetky práce spojené s opravami systémov,</t>
  </si>
  <si>
    <t>udržiavanie prevádzkyschopnosti hardwarovej časti systémov,</t>
  </si>
  <si>
    <t>elektrické revízie 1x ročne v zmysle platných právnych predpisov,</t>
  </si>
  <si>
    <t>za účelom vykonania povinných revízií si zmluvné strany do 30 kalendárnych dní po uzatvorení zmluvy vypracujú Plán revízie, v ktorom sa dohodnú na termínoch vykonanie revízie (jednotlivé termíny zmluvné strany dohodnú tak, aby bola zabezpečená ich kontinuita),</t>
  </si>
  <si>
    <t>Pozáručný servis pre položku č.1</t>
  </si>
  <si>
    <t>Požaduje sa, aby v prípade vykonania opravy, na ktorú objednávateľ dodávateľa vopred upozorní, bola oprava vykonaná nasledovne:</t>
  </si>
  <si>
    <t>11.1</t>
  </si>
  <si>
    <t>11.2</t>
  </si>
  <si>
    <t>Požaduje sa, aby výsledná cena predmetu zákazky ponúknutá dodávateľom bola v súlade s aktuálne (t.j. v čase lehoty na predkladanie ponúk) obvyklou trhovou cenou predmetu zákazky.</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servisný softwarový upgrade,</t>
  </si>
  <si>
    <t>do tridsiatich (30) pracovných dní od dňa nadobudnutia účinnosti zmluvy resp. odo dňa doručenia Oznámenia o splnení objednávateľom stanovených podmienok a požiadaviek na predmet zákazky dodávateľovi (ďalej len "Oznámenie"),</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 xml:space="preserve">Objednávateľ zabezpečí za účelom prevzatia zariadenia prístup pre osoby poverené dodávateľom na čas nevyhnutný na vyloženie, kompletizáciu a inštaláciu zariadenia. </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dodávky a zabudovanie náhradných dielov, ktoré sú potrebné k riadnej a bezporuchovej prevádzke zariadnia, vrátane demontáže, odvozu a likvidácie použitého a nepotrebného spotrebného materiálu, náplní a náhradných dielov,</t>
  </si>
  <si>
    <t>vykonanie validácií a kalibrácií zariadenia (resp. jeho relevantných častí) s perididicitou podľa odporučenia výrobcu zariadenia, min. však jedenkrát ročne,</t>
  </si>
  <si>
    <t>práce (servisné hodiny) a dojazdy servisných technikov dodávateľa do miesta inštalácie zariadenia v rámci zabezpečenia záručného servisu,</t>
  </si>
  <si>
    <t xml:space="preserve">Servisný technik dodávateľa je povinný nastúpiť na odstránenie vady v mieste inštalácie zariadenia do dvadsiatichštyroch (24) hodín od nahlásenia v pracovný deň medzi 7:00 a 16:00 hod., resp. do 12:00 hod. nasledujúceho pracovného dňa, pokiaľ vada bola nahlásená po 16:00 hod. pracovného dňa alebo počas mimopracovného dňa. </t>
  </si>
  <si>
    <t>V prípade, ak odstránenie vady nevyžaduje príchod servisného technika dodávateľa do miesta inštalácie zariadeni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oprava vady, pri ktorej nie je potrebná dodávka náhradného dielu najneskôr do štyridsiatichôsmich (48) hodín,</t>
  </si>
  <si>
    <t>oprava vady s dodávkou náhradného dielu najneskôr do sedemdesiatichdvoch (72) hodín.</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vyššie uvedenú emailovú adresu dodávateľa.</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Požaduje sa dodanie zariadenia:</t>
  </si>
  <si>
    <t>Ultrazvukový prístroj s plne digitálnym systémom, s digitálnym spracovaním signálov a digitálnym formovaním ultrazvukového lúča</t>
  </si>
  <si>
    <t>LCD displej na artikulačnom ramene minimálne 21 “ s rozlíšením minimálne 1920 x 1080 pixelov</t>
  </si>
  <si>
    <t>Frekvenčný rozsah celého prístroja 1-20 MHz</t>
  </si>
  <si>
    <t>4 ks aktívne porty pre pripojenie sond</t>
  </si>
  <si>
    <t>Intuitívne ovládanie cez konzolu ovládacieho panela a tiež pomocou LCD farebného dotykového displeja</t>
  </si>
  <si>
    <t>Funkcie zobrazovania a pracovné módy:</t>
  </si>
  <si>
    <t>7.1</t>
  </si>
  <si>
    <t>Maximálna vzorkovacia frekvencia 2d zobrazenia  do 1900Hz</t>
  </si>
  <si>
    <t>CFM 2D farebné dopplerovské mapovanie prietokov vrátane merania rýchlosti toku (maximálna vzorkovacia frekvencia do 240 Hz)</t>
  </si>
  <si>
    <t>7.2</t>
  </si>
  <si>
    <t>7.3</t>
  </si>
  <si>
    <t>7.4</t>
  </si>
  <si>
    <t>7.5</t>
  </si>
  <si>
    <t>7.6</t>
  </si>
  <si>
    <t>7.7</t>
  </si>
  <si>
    <t>Kontinuálny Doppler (CW)</t>
  </si>
  <si>
    <t>Pulzný doppler vrátane high PRF (PW)</t>
  </si>
  <si>
    <t>Energetický (Power) doppler vrátane CPA s možnosťou rozlíšenia smeru toku</t>
  </si>
  <si>
    <t>M–mód a Anatomický M–mód s ľubovoľne meniteľnou rovinou rezu v reálnom čase</t>
  </si>
  <si>
    <t>Trapezoidné zobrazenie</t>
  </si>
  <si>
    <t>Harmonické zobrazenie</t>
  </si>
  <si>
    <t>7.8</t>
  </si>
  <si>
    <t>7.9</t>
  </si>
  <si>
    <t>7.10</t>
  </si>
  <si>
    <t>7.11</t>
  </si>
  <si>
    <t>7.12</t>
  </si>
  <si>
    <t>Duplexný a triplexný mód</t>
  </si>
  <si>
    <t>Kontinuálny zoom minimálne so 16 násobným zväčšením na živom i zmrazenom obraze</t>
  </si>
  <si>
    <t>HD zoom</t>
  </si>
  <si>
    <t>Hĺbka zobrazenia až do 40 cm</t>
  </si>
  <si>
    <t>Softvérové vybavenie:</t>
  </si>
  <si>
    <t>8.1</t>
  </si>
  <si>
    <t>8.2</t>
  </si>
  <si>
    <t>8.3</t>
  </si>
  <si>
    <t>8.4</t>
  </si>
  <si>
    <t>Základné meranie a kalkulácie pre meranie dĺžok, meranie uhlov a kalkulácie obvodu, meranie objemu a plochy</t>
  </si>
  <si>
    <t>Automatické obkreslovanie rýchlostného spektra v reálnom čase s výpočtom EDV, PSV, PI a RI, TAMx, TAMn indexov aj na zmrazenom snímku</t>
  </si>
  <si>
    <t>Automatická optimalizácia obrazu pri CFM a B–móde</t>
  </si>
  <si>
    <t>Automatické dopplerovské výpočty v reálnom čase</t>
  </si>
  <si>
    <t>8.5</t>
  </si>
  <si>
    <t>8.6</t>
  </si>
  <si>
    <t>8.7</t>
  </si>
  <si>
    <t>8.8</t>
  </si>
  <si>
    <t>Tkanivový doppler s farebným mapovaním</t>
  </si>
  <si>
    <t>Automatické nastavenie dopplerovského uhla a jeho korekcia aj po zamrazení</t>
  </si>
  <si>
    <t>Rekonštrukcia rezov M-modu aj po zamrazení obrazu</t>
  </si>
  <si>
    <t>Integrované EKG</t>
  </si>
  <si>
    <t>8.9</t>
  </si>
  <si>
    <t>Konštrukcia prístroja a ovládanie:</t>
  </si>
  <si>
    <t>Ovládanie prístroja pomocou ovládacieho panelu s voľným výškovým a stranovým nastavením</t>
  </si>
  <si>
    <t>9.1</t>
  </si>
  <si>
    <t>Voľný pohyb a nastavenie ovládacieho panela a zobrazovacej jednotky monitora</t>
  </si>
  <si>
    <t>Hmotnosť prístroja maximálne do 90 kg</t>
  </si>
  <si>
    <t>Minimálna hlučnosť počas prevádzky</t>
  </si>
  <si>
    <t>Možnosť bezproblémového transportu v rámci budovy – prenositeľný a vysoko portabilný</t>
  </si>
  <si>
    <t>9.2</t>
  </si>
  <si>
    <t>9.3</t>
  </si>
  <si>
    <t>9.4</t>
  </si>
  <si>
    <t>9.5</t>
  </si>
  <si>
    <t>Možnosť postprocessingu nasnímaných obrazov</t>
  </si>
  <si>
    <t>10.1</t>
  </si>
  <si>
    <t>Integrovaná pamäť pre účely uchovávania získaných obrazov a slučiek</t>
  </si>
  <si>
    <t>10.2</t>
  </si>
  <si>
    <t>10.3</t>
  </si>
  <si>
    <t>10.4</t>
  </si>
  <si>
    <t>10.5</t>
  </si>
  <si>
    <t xml:space="preserve">Funkcia retrospektívneho a prospektívneho nahrávania slučky </t>
  </si>
  <si>
    <t>Ukladanie obrazov a slučiek bez potreby zadania osobných údajov pacienta</t>
  </si>
  <si>
    <t>Možnosť archivácie získaných obrazov a slučiek na USB a DVD</t>
  </si>
  <si>
    <t>Možnosť pripojenia k archivačnému systému PACS - DICOM 3.0 protokol</t>
  </si>
  <si>
    <t>10.6</t>
  </si>
  <si>
    <t>10.7</t>
  </si>
  <si>
    <t>10.8</t>
  </si>
  <si>
    <t>10.9</t>
  </si>
  <si>
    <t>Možnosť importovania pacientských dát z NIS - DICOM Worklist</t>
  </si>
  <si>
    <t>Čiernobiela termotlačiareň</t>
  </si>
  <si>
    <t>Prístroj umožňuje tvoriť reporty ako aj ich tlač na PC tlačiarni</t>
  </si>
  <si>
    <t>Prístroj umožňuje pripojenie externého monitora pomocou Display portu</t>
  </si>
  <si>
    <t>10.10</t>
  </si>
  <si>
    <t>11.1.1</t>
  </si>
  <si>
    <t>11.1.2</t>
  </si>
  <si>
    <t>11.1.3</t>
  </si>
  <si>
    <t>11.1.4</t>
  </si>
  <si>
    <t>11.1.5</t>
  </si>
  <si>
    <t>Konvexná sonda</t>
  </si>
  <si>
    <t>Frekvenčný rozsah sondy 1 až 5 MHz</t>
  </si>
  <si>
    <t>2D, Pulzný Doppler, Color Doppler, High-PRF, Color Power Angio, SonoCT, XRES a multivariačné harmonické zobrazenie</t>
  </si>
  <si>
    <t>Vynikajúce zobrazovacie schopnosti všeobecných abdominálnych vyšetrení, vrátane vaskulárnych, s podporou shear wave elastografie a funkcie Biopsy guide pre navigáciu punkcií</t>
  </si>
  <si>
    <t>Zorné pole FOV minimálne 110 stupňov</t>
  </si>
  <si>
    <t>Podpora kontrastných vyšetrení</t>
  </si>
  <si>
    <t>Lineárna sonda pre cievne vyšetrenia</t>
  </si>
  <si>
    <t>Frekvenčný rozsah sondy 3 až 12 MHz</t>
  </si>
  <si>
    <t>11.2.1</t>
  </si>
  <si>
    <t>11.2.2</t>
  </si>
  <si>
    <t>11.2.3</t>
  </si>
  <si>
    <t>11.2.4</t>
  </si>
  <si>
    <t>11.2.5</t>
  </si>
  <si>
    <t>Efektívna dĺžka otvoru minimálne 36 mm</t>
  </si>
  <si>
    <t>2D, PW, Color Doppler, Color Power Angio, vrátane smerového CPA, SonoCT, XRES Pro a harmonické zobrazenie</t>
  </si>
  <si>
    <t>Chirurgické vyšetrenia</t>
  </si>
  <si>
    <t>11.2.6</t>
  </si>
  <si>
    <t>11.3</t>
  </si>
  <si>
    <t>Podporné funkcie ako Biopsy guide pre navigáciu punkcií</t>
  </si>
  <si>
    <t>11.3.1</t>
  </si>
  <si>
    <t>11.3.2</t>
  </si>
  <si>
    <t>11.3.3</t>
  </si>
  <si>
    <t>11.3.4</t>
  </si>
  <si>
    <t>Sektorová monokryštalická sonda</t>
  </si>
  <si>
    <t>2D, CW Doppler, PW Doppler, Color Flow, Color Doppler, Tissue Doppler, XRES, a harmonické zobrazenie</t>
  </si>
  <si>
    <t>Vynikajúce zobrazovacie schopnosti kardiologických vyšetrení</t>
  </si>
  <si>
    <t>Zorné pole FOV 90 stupňov</t>
  </si>
  <si>
    <t>Položka č. 2 - Pozáručný servis pre položku č.1</t>
  </si>
  <si>
    <t>Položka č. 1 - Ultrazvukový prístroj vyššej strednej triedy pre angiologické vyšetrenia so softvérovým vybavením</t>
  </si>
  <si>
    <t>Ultrazvukový prístroj vyššej strednej triedy pre angiologické vyšetrenia so softvérovým vybavením vrátane pozáručného servisu</t>
  </si>
  <si>
    <t>Ultrazvukový prístroj vyššej strednej triedy pre angiologické vyšetrenia so softvérovým vybavením vrátane pozáručného servisu.</t>
  </si>
  <si>
    <t>nedodržanie lehoty príchodu servisného technika alebo nezačatie odstraňovania vady formou vzdialeného prístupu : 50,-€ (slovom: jednosto Eur) za každú začatú hodinu omeškania, najviac však do výšky 10% kúpnej ceny zariadenia, a to pre každý jednotlivý prípad omeškania dodávateľa,</t>
  </si>
  <si>
    <t>nedodržanie dohodnutých lehôt na odstránenie vady : 50,-€ (jednosto Eur) za každú začatú hodinu omeškania, najviac však do výšky 10% kúpnej ceny zariadenia, a to  pre každý jednotlivý prípad omeškania dodávateľa.</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Adaptívne spracovanie obrazu – potlačenie šumu/SPECKLE) využiteľné pre redukciu artefaktov a zvýšenie rozlíšenia obrazu</t>
  </si>
  <si>
    <t xml:space="preserve">Ultrazvukový prístroj vyššej strednej triedy pre angiologické vyšetrenia so softvérovým vybavením </t>
  </si>
  <si>
    <t>cestovné a všetky náklady spojené s činnosťou servisného pracovníka počas výkonu činnosti uvedených v bode 1. až 5.</t>
  </si>
  <si>
    <t>Požaduje sa poskytovať pozáručný servis najmä v rozsahu uvedenom v časti  TECHNICKÁ ŠPECIFIKÁCIA PREDMETU ZÁKAZKY pri položke č. 2</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aby počas trvania  zmluvy dodávateľ vykonával autorizovaný servis.</t>
  </si>
  <si>
    <t>s preberacím protokol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dodaného zariadenia je objednávateľ povinný dodávateľovi písomne potvrdiť na preberacom protokole. Jedna kópia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protokol o zaškolení zamestnancov objednávateľa s obsluhou zariadenia.</t>
  </si>
  <si>
    <t>Požaduje sa garantovať prevádzkyschopnosť zariadenia minimálne 95% počas doby poskytovania pozáručných služieb.</t>
  </si>
  <si>
    <t>Požaduje sa uzatvorenie kúpnej zmluvy a o poskytovaní pozáručného servisu.</t>
  </si>
  <si>
    <t>Dodávateľ je povinný k faktúre za dodanie zariadenia priložiť kópiu preberacieho protokolu ako jej povinnú prílohu, okrem prípadov, kedy je faktúra doručená zároveň s preberacím protokolom. Povinnou súčasťou faktúry za služby, ktoré sú predmetom Položky č. 2 je zmluvnými stranami potvrdený rozsah poskytnutej služby s uvedením dátumu jej poskytnutia v príslušnom kalendárnom mesiaci.</t>
  </si>
  <si>
    <t>Dodávateľ je povinný vystaviť faktúru za dodané zariadenie a za poskytnuté služby, ktoré sú predmetom Položky č. 2, v súlade s ustanovením §73 zákona č. 222/2004 Z. z. o dani z pridanej hodnoty v znení neskorších predpisov (ďalej len „zákon o DPH“), najneskôr však do piateho (5) pracovného dňa v mesiaci, nasledujúcom po mesiaci, v ktorom došlo k dodaniu zariadenia, resp. k poskytnutiu služby, ktorá je predmetom Položky č. 2, podľa uzatvorenej zmluvy.</t>
  </si>
  <si>
    <r>
      <t xml:space="preserve">Požaduje sa v zmysle § 340b ods. 5 zákona č. 513/1991 Z.z. Obchodného zákonníka v znení neskorších predpisov splatnosť faktúry v lehote šesťdesiatich (60) kalendárnych dní odo dňa jej doručenia objednávateľovi. V prípade úhrady faktúry za dodanie zariadenia objednávateľom do štrnástich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 t. úhradu pred uplynutím lehoty splatnosti), uvedie výšku %, v akej bude zľava z fakturovanej sumy poskytnutá. Ak takúto zľavu predávajúci nechce poskytnúť, uvedie 0%.</t>
    </r>
  </si>
  <si>
    <t>Pozáručný servis (služby, ktoré sú predmetom Položky č. 2) bude hradený formou mesačných paušálnych odmien uvedených v Prílohe č. 1 - Kalkulácia ceny.</t>
  </si>
  <si>
    <t>Požaduje sa poskytovanie pozáručného servisu pre položku č. 1 po dobu 5 rokov (60 kalendárnych mesiacov), pričom za začiatok tohto poskytovania sa považuje deň nasledujúci po poslednom dni záručnej doby.</t>
  </si>
  <si>
    <t>Požaduje sa vykonávať pozáručnú servisnú starostlivosť v pracovných dňoch v čase od 07:00 hod. do 17:00 hod, ak sa objednávateľ a dodávateľ nedohodnú inak.</t>
  </si>
  <si>
    <t>nástup na výkon opravy do dvadsiatichštyroch (24) hodín od nahlásenia vady/poruchy v pracovných dňoch v čase od 07:00 hod. do 17:00 hod.,</t>
  </si>
  <si>
    <t>výkon samotnej opravy do sedemdesiatichdvoch (72) hodín od nahlásenia vady/poruchy v pracovných dňoch v čase od 07:00 hod. do 17:00 hod., okrem prípadu, ak sa objednávateľ s dodávateľom nedohodnú inak alebo ak na výkon opravy je potrebný náhradný diel, súčiastka alebo iná vec, ktorej obstaranie alebo vykonanie trvá viac ako sedemdesiatdva (72) hodín.</t>
  </si>
  <si>
    <t>8.10</t>
  </si>
  <si>
    <t>20.1</t>
  </si>
  <si>
    <t>20.2</t>
  </si>
  <si>
    <t>Požaduje sa služby pozáručnej starostlivosti vykonávať v súlade so známymi a najnovšími technologickými poznatkami výrobcu zariadenia.</t>
  </si>
  <si>
    <t>27.</t>
  </si>
  <si>
    <t>28.</t>
  </si>
  <si>
    <t>29.</t>
  </si>
  <si>
    <t>30.</t>
  </si>
  <si>
    <t>31.</t>
  </si>
  <si>
    <t>32.</t>
  </si>
  <si>
    <t>33.</t>
  </si>
  <si>
    <t>34.</t>
  </si>
  <si>
    <t>35.</t>
  </si>
  <si>
    <t>36.</t>
  </si>
  <si>
    <t>37.</t>
  </si>
  <si>
    <t>38.</t>
  </si>
  <si>
    <t>39.</t>
  </si>
  <si>
    <t>40.</t>
  </si>
  <si>
    <t>41.</t>
  </si>
  <si>
    <t xml:space="preserve">V prípade, ak sa po uzatvorení zmluvy preukáže, že na relevantnom trhu existuje cena (ďalej tiež ako "nižšia cena") za rovnaké alebo porovnateľné plneni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42.</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Dodávateľ za vady servisnej služby nezodpovedá v prípade, ak boli spôsobené:</t>
  </si>
  <si>
    <t>v dôsledku živelnej pohromy, vyššej moci alebo vandalizmu alebo</t>
  </si>
  <si>
    <t>neoprávneným zásahom tretích osôb alebo</t>
  </si>
  <si>
    <t>prevádzkovaním zariadenia v prostredí, ktoré je v rozpore s technickými podmienkami stanovenými výrobcom, príp. dodávateľom.</t>
  </si>
  <si>
    <t>inštaláciou, prevádzkou a údržbou zariadenia v rozpore s návodom na obsluhu alebo</t>
  </si>
  <si>
    <t>Požaduje sa vyhotovenie návrhu kalkulácie servisu v súlade s uzatvorenou zmluvou ku každej objednávke. Objednávateľ musí odsúhlasiť cenu a rozsah opravy, najneskôr v lehote do troch (3) kalendárnych dní odo dňa doručenia návrhu kalkulácie servisu. V prípade, ak súhlas v uvedenej lehote dodávateľovi neoznámi alebo ak oznámi, že o opravu už nemá záujem, dodávateľ je povinný zariadenie objednávateľovi bezodkladne vrátiť, čím objednávku objednávateľa odmietne.</t>
  </si>
  <si>
    <t>30.1</t>
  </si>
  <si>
    <t>30.2</t>
  </si>
  <si>
    <t>30.3</t>
  </si>
  <si>
    <t>30.4</t>
  </si>
  <si>
    <t xml:space="preserve">Dodávateľ je povinný oznámiť príchod pracovníkov na výkon pred začatím každého servisného výkonu, a to kontaktnej osobe objednávateľa. Informácia o kontaktnej osobe objednávateľa bude zaslaná dodávateľovi bezprostredne po uzatvorení zmluvy. </t>
  </si>
  <si>
    <t xml:space="preserve">V prípade, ak objednávateľ na základe prieskumu trhu zistí, že: </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 xml:space="preserve">nedisponuje inou ponukou ako je ponuka dodávateľa a zároveň cena náhradného dielu nie je vyššia ako 10% oproti cene uvedenej v Prílohe č. 1 - Kalkulácia ceny, objednávateľ je oprávnený pristúpiť k vystaveniu objednávky. </t>
  </si>
  <si>
    <t>33.1</t>
  </si>
  <si>
    <t>33.2</t>
  </si>
  <si>
    <t>Požaduje sa možnosť uplatnenia si náhrady škody u dodávateľa vo výške vzniknutého finančného rozdielu výslednej ceny predmetu zákazky a obvyklej trhovej ceny predmetu zákazky v prípade nedodržania požiadavky uvedenej v bode 34. tejto časti zmluvných požiadaviek.</t>
  </si>
  <si>
    <t>Požaduje sa dohodnutie kúpnej ceny za zariadenie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43.</t>
  </si>
  <si>
    <t>44.</t>
  </si>
  <si>
    <t>44.1</t>
  </si>
  <si>
    <t>45.</t>
  </si>
  <si>
    <t>46.</t>
  </si>
  <si>
    <t>47.</t>
  </si>
  <si>
    <t>48.</t>
  </si>
  <si>
    <t>49.</t>
  </si>
  <si>
    <t>Dodávateľ je povinný bezodkladne, najneskôr však do piatich (5) pracovných dní od preukázania skutočnosti uvedenej v bode 44. týchto zmluvných požiadaviek, doručiť objednávateľovi dodatok, predmetom, ktorého bude upravená cena zistená podľa bodu 44. týchto zmluvných požiadavie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45.1</t>
  </si>
  <si>
    <t>45.2</t>
  </si>
  <si>
    <t>50.</t>
  </si>
  <si>
    <t>Požaduje sa v prípade náhradných dielov v každom osobitnom prípade súhlas objednávateľa s kúpu a montážou náhradného dielu a odsúhlasenie jeho ceny.</t>
  </si>
  <si>
    <t>Zmluvná cena za pozáručný servis zahŕňa celkovú logistiku súvisiacu so servisom zariadenia, dopravné a balné náklady, vrátane cestovných nákladov servisného technika do miesta dodania služby a späť a zároveň zvoz do servisného centra a rozvor opraveného zariadenia.</t>
  </si>
  <si>
    <t>bez náhradných dielov a príslušenstva (SONDY).</t>
  </si>
  <si>
    <t>Požaduje sa, aby počas trvania zmluvy dodávateľ vykonával činnosti uvedené v zmluve prostredníctvom osôb / servisných technikov s odborným vyškolením výrobcom zariadenia.</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30. tejto časti zmluvných požiadaviek,</t>
  </si>
  <si>
    <t xml:space="preserve">technická telefonická podpora v pracovných dňoch v rozsahu podľa bodu 7. tejto časti zmluvných požiadaviek, a zároveň poradenstvo pri prevádzkovaní zariadenia prostredníctvom klientského pracoviska dodávateľa dvadsaťštyri (24) hodín denne a sedem (7) dní v týždni, pričom dodávateľ musí garantovať funkčnosť a prevádzku tohto klientskeho pracoviska. </t>
  </si>
  <si>
    <t>Sondy vysielajúce a prijímajúce frekvencie celého ich frekvenčného pásma súčasne (širokopásmová „broadband“ technológia)</t>
  </si>
  <si>
    <t>Výborne zobrazovacie schopnosti u cievnych vyšetrení (carotid, vertebral prednastavený mód), periférnych cievnych vyšetrení (venous, arterial prednastavený mód) a muskuloskeletálnych vyšetrení</t>
  </si>
  <si>
    <t>Spracovanie dát:</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9"/>
      <name val="Arial"/>
      <family val="2"/>
      <charset val="238"/>
    </font>
    <font>
      <sz val="8"/>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2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right style="medium">
        <color indexed="64"/>
      </right>
      <top style="thin">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0" fontId="2" fillId="0" borderId="10" xfId="0" applyFont="1" applyFill="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16" fontId="5" fillId="0" borderId="0" xfId="0" applyNumberFormat="1" applyFont="1" applyFill="1" applyAlignment="1">
      <alignment horizontal="left" vertical="top" wrapText="1"/>
    </xf>
    <xf numFmtId="49" fontId="2" fillId="0" borderId="8" xfId="0" applyNumberFormat="1" applyFont="1" applyBorder="1" applyAlignment="1">
      <alignment horizontal="left" vertical="center"/>
    </xf>
    <xf numFmtId="49" fontId="2" fillId="0" borderId="8" xfId="0" applyNumberFormat="1" applyFont="1" applyFill="1" applyBorder="1" applyAlignment="1">
      <alignment horizontal="left" vertical="center" wrapText="1"/>
    </xf>
    <xf numFmtId="49" fontId="4" fillId="0" borderId="9"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0" fontId="10" fillId="0" borderId="10" xfId="0" applyNumberFormat="1" applyFont="1" applyBorder="1" applyAlignment="1">
      <alignment horizontal="center" vertical="center" wrapText="1"/>
    </xf>
    <xf numFmtId="49" fontId="4" fillId="0" borderId="8" xfId="0" applyNumberFormat="1" applyFont="1" applyBorder="1" applyAlignment="1">
      <alignment horizontal="left" vertical="center"/>
    </xf>
    <xf numFmtId="49" fontId="2" fillId="0" borderId="8" xfId="0" applyNumberFormat="1" applyFont="1" applyBorder="1" applyAlignment="1">
      <alignment horizontal="right" vertical="center"/>
    </xf>
    <xf numFmtId="49" fontId="2" fillId="5" borderId="8" xfId="0" applyNumberFormat="1" applyFont="1" applyFill="1" applyBorder="1" applyAlignment="1">
      <alignment horizontal="center" vertical="center"/>
    </xf>
    <xf numFmtId="49" fontId="4" fillId="5" borderId="10" xfId="0" applyNumberFormat="1" applyFont="1" applyFill="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2" fillId="0" borderId="25" xfId="0" applyNumberFormat="1" applyFont="1" applyFill="1" applyBorder="1" applyAlignment="1">
      <alignment horizontal="left" vertical="center"/>
    </xf>
    <xf numFmtId="49" fontId="2" fillId="0" borderId="25" xfId="0" applyNumberFormat="1" applyFont="1" applyFill="1" applyBorder="1" applyAlignment="1">
      <alignment horizontal="center" vertical="center"/>
    </xf>
    <xf numFmtId="49" fontId="2" fillId="0" borderId="8" xfId="0" applyNumberFormat="1" applyFont="1" applyFill="1" applyBorder="1" applyAlignment="1">
      <alignment vertical="center" wrapText="1"/>
    </xf>
    <xf numFmtId="0" fontId="4" fillId="0" borderId="9" xfId="0" applyNumberFormat="1" applyFont="1" applyFill="1" applyBorder="1" applyAlignment="1">
      <alignment horizontal="left" vertical="center" wrapText="1"/>
    </xf>
    <xf numFmtId="0" fontId="2" fillId="0" borderId="9" xfId="0" applyNumberFormat="1" applyFont="1" applyFill="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4" fillId="0" borderId="8" xfId="0" applyNumberFormat="1" applyFont="1" applyFill="1" applyBorder="1" applyAlignment="1">
      <alignment vertical="center" wrapText="1"/>
    </xf>
    <xf numFmtId="49" fontId="4" fillId="0" borderId="8" xfId="0" applyNumberFormat="1" applyFont="1" applyBorder="1" applyAlignment="1">
      <alignment horizontal="center" vertical="center"/>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0" borderId="8" xfId="0" applyNumberFormat="1" applyFont="1" applyFill="1" applyBorder="1" applyAlignment="1">
      <alignment horizontal="left" vertical="center"/>
    </xf>
    <xf numFmtId="0" fontId="14" fillId="6" borderId="10" xfId="0" applyFont="1" applyFill="1" applyBorder="1" applyAlignment="1">
      <alignment horizontal="justify" vertical="center"/>
    </xf>
    <xf numFmtId="0" fontId="4" fillId="6" borderId="10" xfId="0" applyFont="1" applyFill="1" applyBorder="1" applyAlignment="1">
      <alignment horizontal="left" vertical="center" wrapText="1"/>
    </xf>
    <xf numFmtId="49" fontId="4" fillId="0" borderId="8"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xf>
    <xf numFmtId="0" fontId="2" fillId="0" borderId="21" xfId="0" applyNumberFormat="1"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8" xfId="0" applyNumberFormat="1" applyFont="1" applyFill="1" applyBorder="1" applyAlignment="1">
      <alignment horizontal="left" vertical="center"/>
    </xf>
    <xf numFmtId="49" fontId="2" fillId="0" borderId="10" xfId="0" applyNumberFormat="1" applyFont="1" applyFill="1" applyBorder="1" applyAlignment="1">
      <alignment horizontal="left" vertical="center"/>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10" fillId="0" borderId="10" xfId="0" applyNumberFormat="1" applyFont="1" applyBorder="1" applyAlignment="1">
      <alignment horizontal="left" vertical="center" wrapText="1"/>
    </xf>
    <xf numFmtId="49" fontId="10" fillId="0" borderId="9"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4" fillId="0" borderId="0" xfId="0" applyNumberFormat="1" applyFont="1" applyFill="1" applyAlignment="1">
      <alignment horizontal="left" vertical="top"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3" fillId="0" borderId="0" xfId="0" applyNumberFormat="1" applyFont="1" applyFill="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3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9525</xdr:rowOff>
        </xdr:from>
        <xdr:to>
          <xdr:col>1</xdr:col>
          <xdr:colOff>885825</xdr:colOff>
          <xdr:row>34</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5</xdr:row>
          <xdr:rowOff>0</xdr:rowOff>
        </xdr:from>
        <xdr:to>
          <xdr:col>1</xdr:col>
          <xdr:colOff>885825</xdr:colOff>
          <xdr:row>35</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253"/>
  <sheetViews>
    <sheetView showGridLines="0" tabSelected="1" topLeftCell="A22" zoomScaleNormal="100" workbookViewId="0">
      <selection activeCell="C200" sqref="C200"/>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45" t="s">
        <v>50</v>
      </c>
      <c r="C1" s="145"/>
      <c r="D1" s="145"/>
      <c r="E1" s="145"/>
      <c r="F1" s="145"/>
    </row>
    <row r="2" spans="2:6" ht="27.75" customHeight="1" x14ac:dyDescent="0.2">
      <c r="B2" s="144" t="s">
        <v>47</v>
      </c>
      <c r="C2" s="144"/>
      <c r="D2" s="144"/>
      <c r="E2" s="144"/>
      <c r="F2" s="144"/>
    </row>
    <row r="3" spans="2:6" ht="54.75" customHeight="1" x14ac:dyDescent="0.2">
      <c r="B3" s="116" t="s">
        <v>54</v>
      </c>
      <c r="C3" s="116"/>
      <c r="D3" s="116"/>
      <c r="E3" s="116"/>
      <c r="F3" s="116"/>
    </row>
    <row r="4" spans="2:6" ht="24.95" customHeight="1" x14ac:dyDescent="0.2">
      <c r="B4" s="42" t="s">
        <v>53</v>
      </c>
      <c r="C4" s="43"/>
      <c r="D4" s="39"/>
      <c r="E4" s="39"/>
      <c r="F4" s="39"/>
    </row>
    <row r="5" spans="2:6" ht="24.95" customHeight="1" x14ac:dyDescent="0.2">
      <c r="B5" s="42" t="s">
        <v>51</v>
      </c>
      <c r="C5" s="44"/>
      <c r="D5" s="39"/>
      <c r="E5" s="39"/>
      <c r="F5" s="39"/>
    </row>
    <row r="6" spans="2:6" ht="5.0999999999999996" customHeight="1" x14ac:dyDescent="0.2">
      <c r="B6" s="39"/>
      <c r="C6" s="39"/>
      <c r="D6" s="39"/>
      <c r="E6" s="39"/>
      <c r="F6" s="39"/>
    </row>
    <row r="7" spans="2:6" s="2" customFormat="1" ht="20.100000000000001" customHeight="1" x14ac:dyDescent="0.25">
      <c r="B7" s="117" t="s">
        <v>5</v>
      </c>
      <c r="C7" s="117"/>
      <c r="D7" s="117"/>
      <c r="E7" s="117"/>
      <c r="F7" s="117"/>
    </row>
    <row r="8" spans="2:6" s="2" customFormat="1" ht="20.100000000000001" customHeight="1" x14ac:dyDescent="0.25">
      <c r="B8" s="118" t="s">
        <v>9</v>
      </c>
      <c r="C8" s="118"/>
      <c r="D8" s="118"/>
      <c r="E8" s="118"/>
      <c r="F8" s="118"/>
    </row>
    <row r="9" spans="2:6" ht="24.95" customHeight="1" x14ac:dyDescent="0.2">
      <c r="B9" s="119" t="s">
        <v>275</v>
      </c>
      <c r="C9" s="119"/>
      <c r="D9" s="119"/>
      <c r="E9" s="119"/>
      <c r="F9" s="119"/>
    </row>
    <row r="10" spans="2:6" ht="4.5" customHeight="1" x14ac:dyDescent="0.2">
      <c r="B10" s="41"/>
      <c r="C10" s="41"/>
      <c r="D10" s="41"/>
      <c r="E10" s="41"/>
      <c r="F10" s="41"/>
    </row>
    <row r="11" spans="2:6" s="2" customFormat="1" ht="20.100000000000001" customHeight="1" x14ac:dyDescent="0.25">
      <c r="B11" s="120" t="s">
        <v>10</v>
      </c>
      <c r="C11" s="120"/>
      <c r="D11" s="120"/>
      <c r="E11" s="120"/>
      <c r="F11" s="120"/>
    </row>
    <row r="12" spans="2:6" s="2" customFormat="1" ht="20.100000000000001" customHeight="1" x14ac:dyDescent="0.25">
      <c r="B12" s="107" t="s">
        <v>72</v>
      </c>
      <c r="C12" s="107"/>
      <c r="D12" s="107"/>
      <c r="E12" s="46"/>
      <c r="F12" s="46"/>
    </row>
    <row r="13" spans="2:6" s="2" customFormat="1" ht="20.100000000000001" customHeight="1" x14ac:dyDescent="0.25">
      <c r="B13" s="107" t="s">
        <v>75</v>
      </c>
      <c r="C13" s="107"/>
      <c r="D13" s="107"/>
      <c r="E13" s="61"/>
      <c r="F13" s="61"/>
    </row>
    <row r="14" spans="2:6" s="2" customFormat="1" ht="20.100000000000001" customHeight="1" x14ac:dyDescent="0.25">
      <c r="B14" s="107" t="s">
        <v>73</v>
      </c>
      <c r="C14" s="107"/>
      <c r="D14" s="107"/>
      <c r="E14" s="50"/>
      <c r="F14" s="50"/>
    </row>
    <row r="15" spans="2:6" s="2" customFormat="1" ht="20.100000000000001" customHeight="1" x14ac:dyDescent="0.25">
      <c r="B15" s="107" t="s">
        <v>74</v>
      </c>
      <c r="C15" s="107"/>
      <c r="D15" s="107"/>
      <c r="E15" s="53"/>
      <c r="F15" s="53"/>
    </row>
    <row r="16" spans="2:6" s="3" customFormat="1" ht="20.100000000000001" customHeight="1" x14ac:dyDescent="0.25">
      <c r="B16" s="107" t="s">
        <v>27</v>
      </c>
      <c r="C16" s="107"/>
      <c r="D16" s="107"/>
      <c r="E16" s="19"/>
      <c r="F16" s="20"/>
    </row>
    <row r="17" spans="2:6" ht="4.5" customHeight="1" x14ac:dyDescent="0.2">
      <c r="B17" s="47"/>
      <c r="C17" s="47"/>
      <c r="D17" s="47"/>
      <c r="E17" s="41"/>
      <c r="F17" s="41"/>
    </row>
    <row r="18" spans="2:6" ht="20.100000000000001" customHeight="1" x14ac:dyDescent="0.2">
      <c r="B18" s="40" t="s">
        <v>11</v>
      </c>
      <c r="C18" s="21"/>
      <c r="D18" s="21"/>
      <c r="E18" s="22"/>
      <c r="F18" s="22"/>
    </row>
    <row r="19" spans="2:6" s="3" customFormat="1" ht="24.95" customHeight="1" x14ac:dyDescent="0.25">
      <c r="B19" s="148" t="s">
        <v>70</v>
      </c>
      <c r="C19" s="148"/>
      <c r="D19" s="148"/>
      <c r="E19" s="19"/>
      <c r="F19" s="20"/>
    </row>
    <row r="20" spans="2:6" ht="5.0999999999999996" customHeight="1" x14ac:dyDescent="0.2">
      <c r="B20" s="149"/>
      <c r="C20" s="149"/>
      <c r="D20" s="149"/>
      <c r="F20" s="15"/>
    </row>
    <row r="21" spans="2:6" s="2" customFormat="1" ht="20.100000000000001" customHeight="1" x14ac:dyDescent="0.25">
      <c r="B21" s="117" t="s">
        <v>24</v>
      </c>
      <c r="C21" s="117"/>
      <c r="D21" s="117"/>
      <c r="E21" s="117"/>
      <c r="F21" s="117"/>
    </row>
    <row r="22" spans="2:6" ht="33.75" customHeight="1" x14ac:dyDescent="0.2">
      <c r="B22" s="128" t="s">
        <v>276</v>
      </c>
      <c r="C22" s="128"/>
      <c r="D22" s="128"/>
      <c r="E22" s="128"/>
      <c r="F22" s="128"/>
    </row>
    <row r="23" spans="2:6" ht="5.0999999999999996" customHeight="1" x14ac:dyDescent="0.2">
      <c r="B23" s="149"/>
      <c r="C23" s="149"/>
      <c r="D23" s="149"/>
      <c r="F23" s="15"/>
    </row>
    <row r="24" spans="2:6" s="2" customFormat="1" ht="20.100000000000001" customHeight="1" x14ac:dyDescent="0.25">
      <c r="B24" s="117" t="s">
        <v>25</v>
      </c>
      <c r="C24" s="117"/>
      <c r="D24" s="117"/>
      <c r="E24" s="117"/>
      <c r="F24" s="117"/>
    </row>
    <row r="25" spans="2:6" s="9" customFormat="1" ht="20.100000000000001" customHeight="1" x14ac:dyDescent="0.25">
      <c r="B25" s="150" t="s">
        <v>6</v>
      </c>
      <c r="C25" s="150"/>
      <c r="D25" s="150"/>
      <c r="E25" s="150"/>
      <c r="F25" s="150"/>
    </row>
    <row r="26" spans="2:6" s="9" customFormat="1" ht="20.100000000000001" customHeight="1" x14ac:dyDescent="0.25">
      <c r="B26" s="131" t="s">
        <v>18</v>
      </c>
      <c r="C26" s="132"/>
      <c r="D26" s="14"/>
      <c r="E26" s="14"/>
      <c r="F26" s="14"/>
    </row>
    <row r="27" spans="2:6" s="9" customFormat="1" ht="20.100000000000001" customHeight="1" x14ac:dyDescent="0.25">
      <c r="B27" s="13"/>
      <c r="C27" s="13" t="s">
        <v>22</v>
      </c>
      <c r="D27" s="14"/>
      <c r="E27" s="14"/>
      <c r="F27" s="14"/>
    </row>
    <row r="28" spans="2:6" s="9" customFormat="1" ht="20.100000000000001" customHeight="1" x14ac:dyDescent="0.25">
      <c r="B28" s="13"/>
      <c r="C28" s="13" t="s">
        <v>23</v>
      </c>
      <c r="D28" s="14"/>
      <c r="E28" s="14"/>
      <c r="F28" s="14"/>
    </row>
    <row r="29" spans="2:6" s="9" customFormat="1" ht="20.100000000000001" customHeight="1" x14ac:dyDescent="0.25">
      <c r="B29" s="131" t="s">
        <v>19</v>
      </c>
      <c r="C29" s="132"/>
      <c r="D29" s="14"/>
      <c r="E29" s="14"/>
      <c r="F29" s="14"/>
    </row>
    <row r="30" spans="2:6" s="9" customFormat="1" ht="31.5" customHeight="1" x14ac:dyDescent="0.25">
      <c r="B30" s="17" t="s">
        <v>20</v>
      </c>
      <c r="C30" s="129" t="s">
        <v>13</v>
      </c>
      <c r="D30" s="130"/>
      <c r="E30" s="18" t="s">
        <v>12</v>
      </c>
      <c r="F30" s="18" t="s">
        <v>14</v>
      </c>
    </row>
    <row r="31" spans="2:6" s="9" customFormat="1" ht="24.95" customHeight="1" x14ac:dyDescent="0.25">
      <c r="B31" s="48" t="s">
        <v>2</v>
      </c>
      <c r="C31" s="108" t="s">
        <v>283</v>
      </c>
      <c r="D31" s="109"/>
      <c r="E31" s="16" t="s">
        <v>1</v>
      </c>
      <c r="F31" s="49">
        <v>1</v>
      </c>
    </row>
    <row r="32" spans="2:6" s="9" customFormat="1" ht="24.95" customHeight="1" x14ac:dyDescent="0.25">
      <c r="B32" s="48" t="s">
        <v>69</v>
      </c>
      <c r="C32" s="108" t="s">
        <v>131</v>
      </c>
      <c r="D32" s="109"/>
      <c r="E32" s="54" t="s">
        <v>118</v>
      </c>
      <c r="F32" s="49">
        <v>60</v>
      </c>
    </row>
    <row r="33" spans="2:7" s="9" customFormat="1" ht="4.5" customHeight="1" x14ac:dyDescent="0.25">
      <c r="B33" s="14"/>
      <c r="C33" s="14"/>
      <c r="D33" s="14"/>
      <c r="E33" s="14"/>
      <c r="F33" s="14"/>
    </row>
    <row r="34" spans="2:7" s="9" customFormat="1" ht="20.100000000000001" customHeight="1" x14ac:dyDescent="0.25">
      <c r="B34" s="131" t="s">
        <v>21</v>
      </c>
      <c r="C34" s="132"/>
      <c r="D34" s="14"/>
      <c r="E34" s="14"/>
      <c r="F34" s="14"/>
    </row>
    <row r="35" spans="2:7" s="9" customFormat="1" ht="20.100000000000001" customHeight="1" x14ac:dyDescent="0.2">
      <c r="B35" s="10"/>
      <c r="C35" s="9" t="s">
        <v>3</v>
      </c>
      <c r="D35" s="14"/>
      <c r="E35" s="14"/>
      <c r="F35" s="14"/>
    </row>
    <row r="36" spans="2:7" s="9" customFormat="1" ht="20.100000000000001" customHeight="1" x14ac:dyDescent="0.25">
      <c r="B36" s="13"/>
      <c r="C36" s="2" t="s">
        <v>4</v>
      </c>
      <c r="D36" s="14"/>
      <c r="E36" s="14"/>
      <c r="F36" s="14"/>
    </row>
    <row r="37" spans="2:7" ht="5.0999999999999996" customHeight="1" x14ac:dyDescent="0.2"/>
    <row r="38" spans="2:7" s="2" customFormat="1" ht="20.100000000000001" customHeight="1" x14ac:dyDescent="0.25">
      <c r="B38" s="117" t="s">
        <v>26</v>
      </c>
      <c r="C38" s="117"/>
      <c r="D38" s="117"/>
      <c r="E38" s="117"/>
      <c r="F38" s="117"/>
    </row>
    <row r="39" spans="2:7" s="2" customFormat="1" ht="5.0999999999999996" customHeight="1" thickBot="1" x14ac:dyDescent="0.3">
      <c r="B39" s="15"/>
      <c r="D39" s="6"/>
      <c r="E39" s="6"/>
      <c r="F39" s="6"/>
    </row>
    <row r="40" spans="2:7" s="3" customFormat="1" ht="93" customHeight="1" x14ac:dyDescent="0.25">
      <c r="B40" s="124" t="s">
        <v>0</v>
      </c>
      <c r="C40" s="125"/>
      <c r="D40" s="121" t="s">
        <v>28</v>
      </c>
      <c r="E40" s="122"/>
      <c r="F40" s="123"/>
      <c r="G40" s="23"/>
    </row>
    <row r="41" spans="2:7" s="3" customFormat="1" ht="30" customHeight="1" thickBot="1" x14ac:dyDescent="0.3">
      <c r="B41" s="126"/>
      <c r="C41" s="127"/>
      <c r="D41" s="24" t="s">
        <v>29</v>
      </c>
      <c r="E41" s="110" t="s">
        <v>30</v>
      </c>
      <c r="F41" s="111"/>
    </row>
    <row r="42" spans="2:7" s="25" customFormat="1" ht="30.75" customHeight="1" x14ac:dyDescent="0.25">
      <c r="B42" s="98" t="s">
        <v>274</v>
      </c>
      <c r="C42" s="99"/>
      <c r="D42" s="99"/>
      <c r="E42" s="99"/>
      <c r="F42" s="100"/>
    </row>
    <row r="43" spans="2:7" s="4" customFormat="1" ht="30" customHeight="1" x14ac:dyDescent="0.25">
      <c r="B43" s="67" t="s">
        <v>16</v>
      </c>
      <c r="C43" s="45" t="s">
        <v>162</v>
      </c>
      <c r="D43" s="66"/>
      <c r="E43" s="112"/>
      <c r="F43" s="113"/>
    </row>
    <row r="44" spans="2:7" s="4" customFormat="1" ht="30" customHeight="1" x14ac:dyDescent="0.25">
      <c r="B44" s="67" t="s">
        <v>59</v>
      </c>
      <c r="C44" s="45" t="s">
        <v>361</v>
      </c>
      <c r="D44" s="66"/>
      <c r="E44" s="112"/>
      <c r="F44" s="113"/>
    </row>
    <row r="45" spans="2:7" s="4" customFormat="1" ht="30" customHeight="1" x14ac:dyDescent="0.25">
      <c r="B45" s="67" t="s">
        <v>60</v>
      </c>
      <c r="C45" s="45" t="s">
        <v>163</v>
      </c>
      <c r="D45" s="52"/>
      <c r="E45" s="114"/>
      <c r="F45" s="115"/>
    </row>
    <row r="46" spans="2:7" s="4" customFormat="1" ht="30" customHeight="1" x14ac:dyDescent="0.25">
      <c r="B46" s="67" t="s">
        <v>61</v>
      </c>
      <c r="C46" s="45" t="s">
        <v>164</v>
      </c>
      <c r="D46" s="52"/>
      <c r="E46" s="103"/>
      <c r="F46" s="104"/>
    </row>
    <row r="47" spans="2:7" s="4" customFormat="1" ht="30" customHeight="1" x14ac:dyDescent="0.25">
      <c r="B47" s="67" t="s">
        <v>62</v>
      </c>
      <c r="C47" s="45" t="s">
        <v>165</v>
      </c>
      <c r="D47" s="52"/>
      <c r="E47" s="103"/>
      <c r="F47" s="104"/>
    </row>
    <row r="48" spans="2:7" s="4" customFormat="1" ht="30" customHeight="1" x14ac:dyDescent="0.25">
      <c r="B48" s="67" t="s">
        <v>63</v>
      </c>
      <c r="C48" s="45" t="s">
        <v>166</v>
      </c>
      <c r="D48" s="52"/>
      <c r="E48" s="103"/>
      <c r="F48" s="104"/>
    </row>
    <row r="49" spans="2:6" s="4" customFormat="1" ht="30" customHeight="1" x14ac:dyDescent="0.25">
      <c r="B49" s="67" t="s">
        <v>78</v>
      </c>
      <c r="C49" s="45" t="s">
        <v>167</v>
      </c>
      <c r="D49" s="52"/>
      <c r="E49" s="103"/>
      <c r="F49" s="104"/>
    </row>
    <row r="50" spans="2:6" s="4" customFormat="1" ht="30" customHeight="1" x14ac:dyDescent="0.25">
      <c r="B50" s="81" t="s">
        <v>168</v>
      </c>
      <c r="C50" s="45" t="s">
        <v>169</v>
      </c>
      <c r="D50" s="52"/>
      <c r="E50" s="103"/>
      <c r="F50" s="104"/>
    </row>
    <row r="51" spans="2:6" s="4" customFormat="1" ht="30" customHeight="1" x14ac:dyDescent="0.25">
      <c r="B51" s="81" t="s">
        <v>171</v>
      </c>
      <c r="C51" s="45" t="s">
        <v>170</v>
      </c>
      <c r="D51" s="52"/>
      <c r="E51" s="103"/>
      <c r="F51" s="104"/>
    </row>
    <row r="52" spans="2:6" s="4" customFormat="1" ht="30" customHeight="1" x14ac:dyDescent="0.25">
      <c r="B52" s="81" t="s">
        <v>172</v>
      </c>
      <c r="C52" s="45" t="s">
        <v>177</v>
      </c>
      <c r="D52" s="52"/>
      <c r="E52" s="103"/>
      <c r="F52" s="104"/>
    </row>
    <row r="53" spans="2:6" s="4" customFormat="1" ht="30" customHeight="1" x14ac:dyDescent="0.25">
      <c r="B53" s="81" t="s">
        <v>173</v>
      </c>
      <c r="C53" s="45" t="s">
        <v>178</v>
      </c>
      <c r="D53" s="52"/>
      <c r="E53" s="103"/>
      <c r="F53" s="104"/>
    </row>
    <row r="54" spans="2:6" s="4" customFormat="1" ht="30" customHeight="1" x14ac:dyDescent="0.25">
      <c r="B54" s="81" t="s">
        <v>174</v>
      </c>
      <c r="C54" s="45" t="s">
        <v>179</v>
      </c>
      <c r="D54" s="52"/>
      <c r="E54" s="103"/>
      <c r="F54" s="104"/>
    </row>
    <row r="55" spans="2:6" s="4" customFormat="1" ht="30" customHeight="1" x14ac:dyDescent="0.25">
      <c r="B55" s="81" t="s">
        <v>175</v>
      </c>
      <c r="C55" s="45" t="s">
        <v>180</v>
      </c>
      <c r="D55" s="52"/>
      <c r="E55" s="103"/>
      <c r="F55" s="104"/>
    </row>
    <row r="56" spans="2:6" s="4" customFormat="1" ht="30" customHeight="1" x14ac:dyDescent="0.25">
      <c r="B56" s="81" t="s">
        <v>176</v>
      </c>
      <c r="C56" s="45" t="s">
        <v>181</v>
      </c>
      <c r="D56" s="52"/>
      <c r="E56" s="103"/>
      <c r="F56" s="104"/>
    </row>
    <row r="57" spans="2:6" s="4" customFormat="1" ht="30" customHeight="1" x14ac:dyDescent="0.25">
      <c r="B57" s="81" t="s">
        <v>183</v>
      </c>
      <c r="C57" s="45" t="s">
        <v>182</v>
      </c>
      <c r="D57" s="52"/>
      <c r="E57" s="114"/>
      <c r="F57" s="115"/>
    </row>
    <row r="58" spans="2:6" s="4" customFormat="1" ht="30" customHeight="1" x14ac:dyDescent="0.25">
      <c r="B58" s="81" t="s">
        <v>184</v>
      </c>
      <c r="C58" s="45" t="s">
        <v>188</v>
      </c>
      <c r="D58" s="52"/>
      <c r="E58" s="103"/>
      <c r="F58" s="104"/>
    </row>
    <row r="59" spans="2:6" s="4" customFormat="1" ht="30" customHeight="1" x14ac:dyDescent="0.25">
      <c r="B59" s="81" t="s">
        <v>185</v>
      </c>
      <c r="C59" s="45" t="s">
        <v>189</v>
      </c>
      <c r="D59" s="52"/>
      <c r="E59" s="103"/>
      <c r="F59" s="104"/>
    </row>
    <row r="60" spans="2:6" s="4" customFormat="1" ht="30" customHeight="1" x14ac:dyDescent="0.25">
      <c r="B60" s="81" t="s">
        <v>186</v>
      </c>
      <c r="C60" s="45" t="s">
        <v>190</v>
      </c>
      <c r="D60" s="52"/>
      <c r="E60" s="103"/>
      <c r="F60" s="104"/>
    </row>
    <row r="61" spans="2:6" s="4" customFormat="1" ht="30" customHeight="1" x14ac:dyDescent="0.25">
      <c r="B61" s="81" t="s">
        <v>187</v>
      </c>
      <c r="C61" s="45" t="s">
        <v>191</v>
      </c>
      <c r="D61" s="52"/>
      <c r="E61" s="103"/>
      <c r="F61" s="104"/>
    </row>
    <row r="62" spans="2:6" s="4" customFormat="1" ht="30" customHeight="1" x14ac:dyDescent="0.25">
      <c r="B62" s="67" t="s">
        <v>64</v>
      </c>
      <c r="C62" s="45" t="s">
        <v>192</v>
      </c>
      <c r="D62" s="52"/>
      <c r="E62" s="103"/>
      <c r="F62" s="104"/>
    </row>
    <row r="63" spans="2:6" s="4" customFormat="1" ht="30" customHeight="1" x14ac:dyDescent="0.25">
      <c r="B63" s="60" t="s">
        <v>193</v>
      </c>
      <c r="C63" s="45" t="s">
        <v>197</v>
      </c>
      <c r="D63" s="52"/>
      <c r="E63" s="103"/>
      <c r="F63" s="104"/>
    </row>
    <row r="64" spans="2:6" s="4" customFormat="1" ht="30" customHeight="1" x14ac:dyDescent="0.25">
      <c r="B64" s="60" t="s">
        <v>194</v>
      </c>
      <c r="C64" s="45" t="s">
        <v>198</v>
      </c>
      <c r="D64" s="52"/>
      <c r="E64" s="103"/>
      <c r="F64" s="104"/>
    </row>
    <row r="65" spans="2:6" s="4" customFormat="1" ht="30" customHeight="1" x14ac:dyDescent="0.25">
      <c r="B65" s="60" t="s">
        <v>195</v>
      </c>
      <c r="C65" s="45" t="s">
        <v>282</v>
      </c>
      <c r="D65" s="52"/>
      <c r="E65" s="103"/>
      <c r="F65" s="104"/>
    </row>
    <row r="66" spans="2:6" s="4" customFormat="1" ht="30" customHeight="1" x14ac:dyDescent="0.25">
      <c r="B66" s="60" t="s">
        <v>196</v>
      </c>
      <c r="C66" s="45" t="s">
        <v>199</v>
      </c>
      <c r="D66" s="52"/>
      <c r="E66" s="103"/>
      <c r="F66" s="104"/>
    </row>
    <row r="67" spans="2:6" s="4" customFormat="1" ht="30" customHeight="1" x14ac:dyDescent="0.25">
      <c r="B67" s="60" t="s">
        <v>201</v>
      </c>
      <c r="C67" s="45" t="s">
        <v>200</v>
      </c>
      <c r="D67" s="52"/>
      <c r="E67" s="103"/>
      <c r="F67" s="104"/>
    </row>
    <row r="68" spans="2:6" s="4" customFormat="1" ht="30" customHeight="1" x14ac:dyDescent="0.25">
      <c r="B68" s="60" t="s">
        <v>202</v>
      </c>
      <c r="C68" s="45" t="s">
        <v>205</v>
      </c>
      <c r="D68" s="52"/>
      <c r="E68" s="103"/>
      <c r="F68" s="104"/>
    </row>
    <row r="69" spans="2:6" s="4" customFormat="1" ht="30" customHeight="1" x14ac:dyDescent="0.25">
      <c r="B69" s="60" t="s">
        <v>203</v>
      </c>
      <c r="C69" s="45" t="s">
        <v>206</v>
      </c>
      <c r="D69" s="52"/>
      <c r="E69" s="103"/>
      <c r="F69" s="104"/>
    </row>
    <row r="70" spans="2:6" s="4" customFormat="1" ht="30" customHeight="1" x14ac:dyDescent="0.25">
      <c r="B70" s="60" t="s">
        <v>204</v>
      </c>
      <c r="C70" s="45" t="s">
        <v>207</v>
      </c>
      <c r="D70" s="52"/>
      <c r="E70" s="103"/>
      <c r="F70" s="104"/>
    </row>
    <row r="71" spans="2:6" s="4" customFormat="1" ht="30" customHeight="1" x14ac:dyDescent="0.25">
      <c r="B71" s="60" t="s">
        <v>209</v>
      </c>
      <c r="C71" s="45" t="s">
        <v>208</v>
      </c>
      <c r="D71" s="52"/>
      <c r="E71" s="103"/>
      <c r="F71" s="104"/>
    </row>
    <row r="72" spans="2:6" s="4" customFormat="1" ht="30" customHeight="1" x14ac:dyDescent="0.25">
      <c r="B72" s="62" t="s">
        <v>65</v>
      </c>
      <c r="C72" s="45" t="s">
        <v>210</v>
      </c>
      <c r="D72" s="52"/>
      <c r="E72" s="103"/>
      <c r="F72" s="104"/>
    </row>
    <row r="73" spans="2:6" s="4" customFormat="1" ht="30" customHeight="1" x14ac:dyDescent="0.25">
      <c r="B73" s="60" t="s">
        <v>212</v>
      </c>
      <c r="C73" s="45" t="s">
        <v>211</v>
      </c>
      <c r="D73" s="52"/>
      <c r="E73" s="114"/>
      <c r="F73" s="115"/>
    </row>
    <row r="74" spans="2:6" s="4" customFormat="1" ht="30" customHeight="1" x14ac:dyDescent="0.25">
      <c r="B74" s="60" t="s">
        <v>217</v>
      </c>
      <c r="C74" s="45" t="s">
        <v>213</v>
      </c>
      <c r="D74" s="52"/>
      <c r="E74" s="103"/>
      <c r="F74" s="104"/>
    </row>
    <row r="75" spans="2:6" s="4" customFormat="1" ht="30" customHeight="1" x14ac:dyDescent="0.25">
      <c r="B75" s="60" t="s">
        <v>218</v>
      </c>
      <c r="C75" s="45" t="s">
        <v>214</v>
      </c>
      <c r="D75" s="52"/>
      <c r="E75" s="103"/>
      <c r="F75" s="104"/>
    </row>
    <row r="76" spans="2:6" s="4" customFormat="1" ht="30" customHeight="1" x14ac:dyDescent="0.25">
      <c r="B76" s="60" t="s">
        <v>219</v>
      </c>
      <c r="C76" s="45" t="s">
        <v>215</v>
      </c>
      <c r="D76" s="52"/>
      <c r="E76" s="103"/>
      <c r="F76" s="104"/>
    </row>
    <row r="77" spans="2:6" s="4" customFormat="1" ht="30" customHeight="1" x14ac:dyDescent="0.25">
      <c r="B77" s="60" t="s">
        <v>220</v>
      </c>
      <c r="C77" s="45" t="s">
        <v>216</v>
      </c>
      <c r="D77" s="52"/>
      <c r="E77" s="103"/>
      <c r="F77" s="104"/>
    </row>
    <row r="78" spans="2:6" s="4" customFormat="1" ht="30" customHeight="1" x14ac:dyDescent="0.25">
      <c r="B78" s="62" t="s">
        <v>66</v>
      </c>
      <c r="C78" s="45" t="s">
        <v>363</v>
      </c>
      <c r="D78" s="52"/>
      <c r="E78" s="103"/>
      <c r="F78" s="104"/>
    </row>
    <row r="79" spans="2:6" s="4" customFormat="1" ht="30" customHeight="1" x14ac:dyDescent="0.25">
      <c r="B79" s="60" t="s">
        <v>222</v>
      </c>
      <c r="C79" s="45" t="s">
        <v>221</v>
      </c>
      <c r="D79" s="52"/>
      <c r="E79" s="103"/>
      <c r="F79" s="104"/>
    </row>
    <row r="80" spans="2:6" s="4" customFormat="1" ht="30" customHeight="1" x14ac:dyDescent="0.25">
      <c r="B80" s="60" t="s">
        <v>224</v>
      </c>
      <c r="C80" s="45" t="s">
        <v>223</v>
      </c>
      <c r="D80" s="52"/>
      <c r="E80" s="103"/>
      <c r="F80" s="104"/>
    </row>
    <row r="81" spans="2:6" s="4" customFormat="1" ht="30" customHeight="1" x14ac:dyDescent="0.25">
      <c r="B81" s="60" t="s">
        <v>225</v>
      </c>
      <c r="C81" s="45" t="s">
        <v>228</v>
      </c>
      <c r="D81" s="52"/>
      <c r="E81" s="103"/>
      <c r="F81" s="104"/>
    </row>
    <row r="82" spans="2:6" s="4" customFormat="1" ht="30" customHeight="1" x14ac:dyDescent="0.25">
      <c r="B82" s="60" t="s">
        <v>226</v>
      </c>
      <c r="C82" s="45" t="s">
        <v>229</v>
      </c>
      <c r="D82" s="52"/>
      <c r="E82" s="103"/>
      <c r="F82" s="104"/>
    </row>
    <row r="83" spans="2:6" s="4" customFormat="1" ht="30" customHeight="1" x14ac:dyDescent="0.25">
      <c r="B83" s="60" t="s">
        <v>227</v>
      </c>
      <c r="C83" s="45" t="s">
        <v>230</v>
      </c>
      <c r="D83" s="52"/>
      <c r="E83" s="103"/>
      <c r="F83" s="104"/>
    </row>
    <row r="84" spans="2:6" s="4" customFormat="1" ht="30" customHeight="1" x14ac:dyDescent="0.25">
      <c r="B84" s="60" t="s">
        <v>232</v>
      </c>
      <c r="C84" s="45" t="s">
        <v>231</v>
      </c>
      <c r="D84" s="52"/>
      <c r="E84" s="103"/>
      <c r="F84" s="104"/>
    </row>
    <row r="85" spans="2:6" s="4" customFormat="1" ht="30" customHeight="1" x14ac:dyDescent="0.25">
      <c r="B85" s="60" t="s">
        <v>233</v>
      </c>
      <c r="C85" s="45" t="s">
        <v>236</v>
      </c>
      <c r="D85" s="52"/>
      <c r="E85" s="103"/>
      <c r="F85" s="104"/>
    </row>
    <row r="86" spans="2:6" s="4" customFormat="1" ht="30" customHeight="1" x14ac:dyDescent="0.25">
      <c r="B86" s="60" t="s">
        <v>234</v>
      </c>
      <c r="C86" s="45" t="s">
        <v>237</v>
      </c>
      <c r="D86" s="52"/>
      <c r="E86" s="103"/>
      <c r="F86" s="104"/>
    </row>
    <row r="87" spans="2:6" s="4" customFormat="1" ht="30" customHeight="1" x14ac:dyDescent="0.25">
      <c r="B87" s="60" t="s">
        <v>235</v>
      </c>
      <c r="C87" s="45" t="s">
        <v>238</v>
      </c>
      <c r="D87" s="52"/>
      <c r="E87" s="103"/>
      <c r="F87" s="104"/>
    </row>
    <row r="88" spans="2:6" s="4" customFormat="1" ht="30" customHeight="1" x14ac:dyDescent="0.25">
      <c r="B88" s="60" t="s">
        <v>240</v>
      </c>
      <c r="C88" s="45" t="s">
        <v>239</v>
      </c>
      <c r="D88" s="52"/>
      <c r="E88" s="103"/>
      <c r="F88" s="104"/>
    </row>
    <row r="89" spans="2:6" s="4" customFormat="1" ht="30" customHeight="1" x14ac:dyDescent="0.25">
      <c r="B89" s="62" t="s">
        <v>67</v>
      </c>
      <c r="C89" s="45" t="s">
        <v>120</v>
      </c>
      <c r="D89" s="52"/>
      <c r="E89" s="103"/>
      <c r="F89" s="104"/>
    </row>
    <row r="90" spans="2:6" s="4" customFormat="1" ht="30" customHeight="1" x14ac:dyDescent="0.25">
      <c r="B90" s="69" t="s">
        <v>133</v>
      </c>
      <c r="C90" s="70" t="s">
        <v>246</v>
      </c>
      <c r="D90" s="52"/>
      <c r="E90" s="103"/>
      <c r="F90" s="104"/>
    </row>
    <row r="91" spans="2:6" s="4" customFormat="1" ht="30" customHeight="1" x14ac:dyDescent="0.25">
      <c r="B91" s="68" t="s">
        <v>241</v>
      </c>
      <c r="C91" s="45" t="s">
        <v>247</v>
      </c>
      <c r="D91" s="52"/>
      <c r="E91" s="103"/>
      <c r="F91" s="104"/>
    </row>
    <row r="92" spans="2:6" s="4" customFormat="1" ht="30" customHeight="1" x14ac:dyDescent="0.25">
      <c r="B92" s="68" t="s">
        <v>242</v>
      </c>
      <c r="C92" s="45" t="s">
        <v>248</v>
      </c>
      <c r="D92" s="52"/>
      <c r="E92" s="103"/>
      <c r="F92" s="104"/>
    </row>
    <row r="93" spans="2:6" s="4" customFormat="1" ht="46.5" customHeight="1" x14ac:dyDescent="0.25">
      <c r="B93" s="68" t="s">
        <v>243</v>
      </c>
      <c r="C93" s="45" t="s">
        <v>249</v>
      </c>
      <c r="D93" s="52"/>
      <c r="E93" s="103"/>
      <c r="F93" s="104"/>
    </row>
    <row r="94" spans="2:6" s="4" customFormat="1" ht="30" customHeight="1" x14ac:dyDescent="0.25">
      <c r="B94" s="68" t="s">
        <v>244</v>
      </c>
      <c r="C94" s="45" t="s">
        <v>250</v>
      </c>
      <c r="D94" s="52"/>
      <c r="E94" s="71"/>
      <c r="F94" s="72"/>
    </row>
    <row r="95" spans="2:6" s="4" customFormat="1" ht="30" customHeight="1" x14ac:dyDescent="0.25">
      <c r="B95" s="68" t="s">
        <v>245</v>
      </c>
      <c r="C95" s="45" t="s">
        <v>251</v>
      </c>
      <c r="D95" s="52"/>
      <c r="E95" s="71"/>
      <c r="F95" s="72"/>
    </row>
    <row r="96" spans="2:6" s="4" customFormat="1" ht="30" customHeight="1" x14ac:dyDescent="0.25">
      <c r="B96" s="69" t="s">
        <v>134</v>
      </c>
      <c r="C96" s="70" t="s">
        <v>252</v>
      </c>
      <c r="D96" s="52"/>
      <c r="E96" s="96"/>
      <c r="F96" s="97"/>
    </row>
    <row r="97" spans="2:6" s="4" customFormat="1" ht="30" customHeight="1" x14ac:dyDescent="0.25">
      <c r="B97" s="68" t="s">
        <v>254</v>
      </c>
      <c r="C97" s="45" t="s">
        <v>253</v>
      </c>
      <c r="D97" s="52"/>
      <c r="E97" s="96"/>
      <c r="F97" s="97"/>
    </row>
    <row r="98" spans="2:6" s="4" customFormat="1" ht="30" customHeight="1" x14ac:dyDescent="0.25">
      <c r="B98" s="68" t="s">
        <v>255</v>
      </c>
      <c r="C98" s="45" t="s">
        <v>259</v>
      </c>
      <c r="D98" s="52"/>
      <c r="E98" s="96"/>
      <c r="F98" s="97"/>
    </row>
    <row r="99" spans="2:6" s="4" customFormat="1" ht="30" customHeight="1" x14ac:dyDescent="0.25">
      <c r="B99" s="68" t="s">
        <v>256</v>
      </c>
      <c r="C99" s="45" t="s">
        <v>260</v>
      </c>
      <c r="D99" s="52"/>
      <c r="E99" s="96"/>
      <c r="F99" s="97"/>
    </row>
    <row r="100" spans="2:6" s="4" customFormat="1" ht="42.75" customHeight="1" x14ac:dyDescent="0.25">
      <c r="B100" s="68" t="s">
        <v>257</v>
      </c>
      <c r="C100" s="45" t="s">
        <v>362</v>
      </c>
      <c r="D100" s="52"/>
      <c r="E100" s="71"/>
      <c r="F100" s="72"/>
    </row>
    <row r="101" spans="2:6" s="4" customFormat="1" ht="30" customHeight="1" x14ac:dyDescent="0.25">
      <c r="B101" s="68" t="s">
        <v>258</v>
      </c>
      <c r="C101" s="45" t="s">
        <v>261</v>
      </c>
      <c r="D101" s="52"/>
      <c r="E101" s="71"/>
      <c r="F101" s="72"/>
    </row>
    <row r="102" spans="2:6" s="4" customFormat="1" ht="30" customHeight="1" x14ac:dyDescent="0.25">
      <c r="B102" s="68" t="s">
        <v>262</v>
      </c>
      <c r="C102" s="45" t="s">
        <v>264</v>
      </c>
      <c r="D102" s="52"/>
      <c r="E102" s="78"/>
      <c r="F102" s="79"/>
    </row>
    <row r="103" spans="2:6" s="4" customFormat="1" ht="30" customHeight="1" x14ac:dyDescent="0.25">
      <c r="B103" s="69" t="s">
        <v>263</v>
      </c>
      <c r="C103" s="70" t="s">
        <v>269</v>
      </c>
      <c r="D103" s="52"/>
      <c r="E103" s="103"/>
      <c r="F103" s="104"/>
    </row>
    <row r="104" spans="2:6" s="4" customFormat="1" ht="30" customHeight="1" x14ac:dyDescent="0.25">
      <c r="B104" s="68" t="s">
        <v>265</v>
      </c>
      <c r="C104" s="45" t="s">
        <v>247</v>
      </c>
      <c r="D104" s="52"/>
      <c r="E104" s="103"/>
      <c r="F104" s="104"/>
    </row>
    <row r="105" spans="2:6" s="4" customFormat="1" ht="30" customHeight="1" x14ac:dyDescent="0.25">
      <c r="B105" s="68" t="s">
        <v>266</v>
      </c>
      <c r="C105" s="45" t="s">
        <v>270</v>
      </c>
      <c r="D105" s="52"/>
      <c r="E105" s="103"/>
      <c r="F105" s="104"/>
    </row>
    <row r="106" spans="2:6" s="4" customFormat="1" ht="30" customHeight="1" x14ac:dyDescent="0.25">
      <c r="B106" s="68" t="s">
        <v>267</v>
      </c>
      <c r="C106" s="45" t="s">
        <v>271</v>
      </c>
      <c r="D106" s="52"/>
      <c r="E106" s="103"/>
      <c r="F106" s="104"/>
    </row>
    <row r="107" spans="2:6" s="4" customFormat="1" ht="30" customHeight="1" thickBot="1" x14ac:dyDescent="0.3">
      <c r="B107" s="68" t="s">
        <v>268</v>
      </c>
      <c r="C107" s="45" t="s">
        <v>272</v>
      </c>
      <c r="D107" s="52"/>
      <c r="E107" s="103"/>
      <c r="F107" s="104"/>
    </row>
    <row r="108" spans="2:6" s="25" customFormat="1" ht="30.75" customHeight="1" x14ac:dyDescent="0.25">
      <c r="B108" s="98" t="s">
        <v>273</v>
      </c>
      <c r="C108" s="99"/>
      <c r="D108" s="99"/>
      <c r="E108" s="99"/>
      <c r="F108" s="100"/>
    </row>
    <row r="109" spans="2:6" s="4" customFormat="1" ht="30" customHeight="1" x14ac:dyDescent="0.25">
      <c r="B109" s="101" t="s">
        <v>121</v>
      </c>
      <c r="C109" s="102"/>
      <c r="D109" s="52" t="s">
        <v>90</v>
      </c>
      <c r="E109" s="105" t="s">
        <v>90</v>
      </c>
      <c r="F109" s="106"/>
    </row>
    <row r="110" spans="2:6" s="4" customFormat="1" ht="30" customHeight="1" x14ac:dyDescent="0.25">
      <c r="B110" s="73" t="s">
        <v>16</v>
      </c>
      <c r="C110" s="64" t="s">
        <v>122</v>
      </c>
      <c r="D110" s="52"/>
      <c r="E110" s="96"/>
      <c r="F110" s="97"/>
    </row>
    <row r="111" spans="2:6" s="4" customFormat="1" ht="30" customHeight="1" x14ac:dyDescent="0.25">
      <c r="B111" s="74" t="s">
        <v>124</v>
      </c>
      <c r="C111" s="64" t="s">
        <v>123</v>
      </c>
      <c r="D111" s="52"/>
      <c r="E111" s="96"/>
      <c r="F111" s="97"/>
    </row>
    <row r="112" spans="2:6" s="4" customFormat="1" ht="45.75" customHeight="1" x14ac:dyDescent="0.25">
      <c r="B112" s="74" t="s">
        <v>126</v>
      </c>
      <c r="C112" s="64" t="s">
        <v>125</v>
      </c>
      <c r="D112" s="52"/>
      <c r="E112" s="96"/>
      <c r="F112" s="97"/>
    </row>
    <row r="113" spans="2:6" s="4" customFormat="1" ht="24.95" customHeight="1" x14ac:dyDescent="0.25">
      <c r="B113" s="73" t="s">
        <v>59</v>
      </c>
      <c r="C113" s="76" t="s">
        <v>127</v>
      </c>
      <c r="D113" s="52"/>
      <c r="E113" s="96"/>
      <c r="F113" s="97"/>
    </row>
    <row r="114" spans="2:6" s="4" customFormat="1" ht="34.5" customHeight="1" x14ac:dyDescent="0.25">
      <c r="B114" s="73" t="s">
        <v>60</v>
      </c>
      <c r="C114" s="77" t="s">
        <v>128</v>
      </c>
      <c r="D114" s="52"/>
      <c r="E114" s="96"/>
      <c r="F114" s="97"/>
    </row>
    <row r="115" spans="2:6" s="4" customFormat="1" ht="30" customHeight="1" x14ac:dyDescent="0.25">
      <c r="B115" s="73" t="s">
        <v>61</v>
      </c>
      <c r="C115" s="77" t="s">
        <v>138</v>
      </c>
      <c r="D115" s="52"/>
      <c r="E115" s="96"/>
      <c r="F115" s="97"/>
    </row>
    <row r="116" spans="2:6" s="4" customFormat="1" ht="24.95" customHeight="1" x14ac:dyDescent="0.25">
      <c r="B116" s="73" t="s">
        <v>62</v>
      </c>
      <c r="C116" s="77" t="s">
        <v>129</v>
      </c>
      <c r="D116" s="52"/>
      <c r="E116" s="96"/>
      <c r="F116" s="97"/>
    </row>
    <row r="117" spans="2:6" s="4" customFormat="1" ht="58.5" customHeight="1" x14ac:dyDescent="0.25">
      <c r="B117" s="74" t="s">
        <v>97</v>
      </c>
      <c r="C117" s="77" t="s">
        <v>130</v>
      </c>
      <c r="D117" s="52"/>
      <c r="E117" s="96"/>
      <c r="F117" s="97"/>
    </row>
    <row r="118" spans="2:6" s="4" customFormat="1" ht="44.25" customHeight="1" x14ac:dyDescent="0.25">
      <c r="B118" s="74" t="s">
        <v>98</v>
      </c>
      <c r="C118" s="77" t="s">
        <v>125</v>
      </c>
      <c r="D118" s="52"/>
      <c r="E118" s="96"/>
      <c r="F118" s="97"/>
    </row>
    <row r="119" spans="2:6" s="4" customFormat="1" ht="30" customHeight="1" x14ac:dyDescent="0.25">
      <c r="B119" s="88" t="s">
        <v>63</v>
      </c>
      <c r="C119" s="77" t="s">
        <v>284</v>
      </c>
      <c r="D119" s="52"/>
      <c r="E119" s="96"/>
      <c r="F119" s="97"/>
    </row>
    <row r="120" spans="2:6" s="4" customFormat="1" ht="30" customHeight="1" thickBot="1" x14ac:dyDescent="0.3">
      <c r="B120" s="92" t="s">
        <v>78</v>
      </c>
      <c r="C120" s="93" t="s">
        <v>357</v>
      </c>
      <c r="D120" s="52"/>
      <c r="E120" s="96"/>
      <c r="F120" s="97"/>
    </row>
    <row r="121" spans="2:6" s="3" customFormat="1" ht="5.0999999999999996" customHeight="1" x14ac:dyDescent="0.25">
      <c r="B121" s="5"/>
      <c r="C121" s="5"/>
      <c r="D121" s="7"/>
      <c r="E121" s="7"/>
      <c r="F121" s="26"/>
    </row>
    <row r="122" spans="2:6" s="2" customFormat="1" ht="20.100000000000001" customHeight="1" x14ac:dyDescent="0.25">
      <c r="B122" s="117" t="s">
        <v>48</v>
      </c>
      <c r="C122" s="117"/>
      <c r="D122" s="117"/>
      <c r="E122" s="117"/>
      <c r="F122" s="117"/>
    </row>
    <row r="123" spans="2:6" s="2" customFormat="1" ht="5.0999999999999996" customHeight="1" thickBot="1" x14ac:dyDescent="0.3">
      <c r="B123" s="15"/>
      <c r="D123" s="6"/>
      <c r="E123" s="6"/>
      <c r="F123" s="6"/>
    </row>
    <row r="124" spans="2:6" s="3" customFormat="1" ht="69" customHeight="1" x14ac:dyDescent="0.25">
      <c r="B124" s="124" t="s">
        <v>8</v>
      </c>
      <c r="C124" s="125"/>
      <c r="D124" s="121" t="s">
        <v>31</v>
      </c>
      <c r="E124" s="122"/>
      <c r="F124" s="123"/>
    </row>
    <row r="125" spans="2:6" s="3" customFormat="1" ht="30" customHeight="1" thickBot="1" x14ac:dyDescent="0.3">
      <c r="B125" s="126"/>
      <c r="C125" s="127"/>
      <c r="D125" s="24" t="s">
        <v>7</v>
      </c>
      <c r="E125" s="142" t="s">
        <v>32</v>
      </c>
      <c r="F125" s="143"/>
    </row>
    <row r="126" spans="2:6" s="2" customFormat="1" ht="21.75" customHeight="1" x14ac:dyDescent="0.25">
      <c r="B126" s="63" t="s">
        <v>16</v>
      </c>
      <c r="C126" s="90" t="s">
        <v>292</v>
      </c>
      <c r="D126" s="52"/>
      <c r="E126" s="94"/>
      <c r="F126" s="95"/>
    </row>
    <row r="127" spans="2:6" s="2" customFormat="1" ht="22.5" customHeight="1" x14ac:dyDescent="0.25">
      <c r="B127" s="63" t="s">
        <v>59</v>
      </c>
      <c r="C127" s="27" t="s">
        <v>161</v>
      </c>
      <c r="D127" s="52"/>
      <c r="E127" s="94"/>
      <c r="F127" s="95"/>
    </row>
    <row r="128" spans="2:6" s="2" customFormat="1" ht="42" customHeight="1" x14ac:dyDescent="0.25">
      <c r="B128" s="51" t="s">
        <v>76</v>
      </c>
      <c r="C128" s="27" t="s">
        <v>139</v>
      </c>
      <c r="D128" s="52"/>
      <c r="E128" s="94"/>
      <c r="F128" s="95"/>
    </row>
    <row r="129" spans="2:6" s="2" customFormat="1" ht="21" customHeight="1" x14ac:dyDescent="0.25">
      <c r="B129" s="51" t="s">
        <v>77</v>
      </c>
      <c r="C129" s="27" t="s">
        <v>91</v>
      </c>
      <c r="D129" s="52"/>
      <c r="E129" s="94"/>
      <c r="F129" s="95"/>
    </row>
    <row r="130" spans="2:6" s="2" customFormat="1" ht="22.5" customHeight="1" x14ac:dyDescent="0.25">
      <c r="B130" s="51" t="s">
        <v>93</v>
      </c>
      <c r="C130" s="27" t="s">
        <v>92</v>
      </c>
      <c r="D130" s="52"/>
      <c r="E130" s="94"/>
      <c r="F130" s="95"/>
    </row>
    <row r="131" spans="2:6" s="2" customFormat="1" ht="57.75" customHeight="1" x14ac:dyDescent="0.25">
      <c r="B131" s="51" t="s">
        <v>94</v>
      </c>
      <c r="C131" s="27" t="s">
        <v>140</v>
      </c>
      <c r="D131" s="52"/>
      <c r="E131" s="94"/>
      <c r="F131" s="95"/>
    </row>
    <row r="132" spans="2:6" s="2" customFormat="1" ht="43.5" customHeight="1" x14ac:dyDescent="0.25">
      <c r="B132" s="51" t="s">
        <v>95</v>
      </c>
      <c r="C132" s="27" t="s">
        <v>141</v>
      </c>
      <c r="D132" s="52"/>
      <c r="E132" s="94"/>
      <c r="F132" s="95"/>
    </row>
    <row r="133" spans="2:6" s="2" customFormat="1" ht="114" customHeight="1" x14ac:dyDescent="0.25">
      <c r="B133" s="51" t="s">
        <v>96</v>
      </c>
      <c r="C133" s="27" t="s">
        <v>288</v>
      </c>
      <c r="D133" s="52"/>
      <c r="E133" s="94"/>
      <c r="F133" s="95"/>
    </row>
    <row r="134" spans="2:6" s="2" customFormat="1" ht="30.75" customHeight="1" x14ac:dyDescent="0.25">
      <c r="B134" s="63" t="s">
        <v>60</v>
      </c>
      <c r="C134" s="27" t="s">
        <v>142</v>
      </c>
      <c r="D134" s="52"/>
      <c r="E134" s="94"/>
      <c r="F134" s="95"/>
    </row>
    <row r="135" spans="2:6" s="2" customFormat="1" ht="96.75" customHeight="1" x14ac:dyDescent="0.25">
      <c r="B135" s="63" t="s">
        <v>61</v>
      </c>
      <c r="C135" s="27" t="s">
        <v>289</v>
      </c>
      <c r="D135" s="52"/>
      <c r="E135" s="94"/>
      <c r="F135" s="95"/>
    </row>
    <row r="136" spans="2:6" s="2" customFormat="1" ht="45" customHeight="1" x14ac:dyDescent="0.25">
      <c r="B136" s="63" t="s">
        <v>62</v>
      </c>
      <c r="C136" s="27" t="s">
        <v>102</v>
      </c>
      <c r="D136" s="52"/>
      <c r="E136" s="94"/>
      <c r="F136" s="95"/>
    </row>
    <row r="137" spans="2:6" s="2" customFormat="1" ht="23.25" customHeight="1" x14ac:dyDescent="0.25">
      <c r="B137" s="51" t="s">
        <v>97</v>
      </c>
      <c r="C137" s="27" t="s">
        <v>103</v>
      </c>
      <c r="D137" s="52"/>
      <c r="E137" s="94"/>
      <c r="F137" s="95"/>
    </row>
    <row r="138" spans="2:6" s="2" customFormat="1" ht="30.75" customHeight="1" x14ac:dyDescent="0.25">
      <c r="B138" s="51" t="s">
        <v>98</v>
      </c>
      <c r="C138" s="27" t="s">
        <v>104</v>
      </c>
      <c r="D138" s="52"/>
      <c r="E138" s="94"/>
      <c r="F138" s="95"/>
    </row>
    <row r="139" spans="2:6" s="2" customFormat="1" ht="30.75" customHeight="1" x14ac:dyDescent="0.25">
      <c r="B139" s="51" t="s">
        <v>99</v>
      </c>
      <c r="C139" s="27" t="s">
        <v>105</v>
      </c>
      <c r="D139" s="52"/>
      <c r="E139" s="94"/>
      <c r="F139" s="95"/>
    </row>
    <row r="140" spans="2:6" s="2" customFormat="1" ht="30.75" customHeight="1" x14ac:dyDescent="0.25">
      <c r="B140" s="51" t="s">
        <v>100</v>
      </c>
      <c r="C140" s="27" t="s">
        <v>106</v>
      </c>
      <c r="D140" s="52"/>
      <c r="E140" s="94"/>
      <c r="F140" s="95"/>
    </row>
    <row r="141" spans="2:6" s="2" customFormat="1" ht="30.75" customHeight="1" x14ac:dyDescent="0.25">
      <c r="B141" s="51" t="s">
        <v>101</v>
      </c>
      <c r="C141" s="27" t="s">
        <v>290</v>
      </c>
      <c r="D141" s="52"/>
      <c r="E141" s="94"/>
      <c r="F141" s="95"/>
    </row>
    <row r="142" spans="2:6" s="2" customFormat="1" ht="85.5" customHeight="1" x14ac:dyDescent="0.25">
      <c r="B142" s="75" t="s">
        <v>63</v>
      </c>
      <c r="C142" s="27" t="s">
        <v>143</v>
      </c>
      <c r="D142" s="52"/>
      <c r="E142" s="94"/>
      <c r="F142" s="95"/>
    </row>
    <row r="143" spans="2:6" s="2" customFormat="1" ht="107.25" customHeight="1" x14ac:dyDescent="0.25">
      <c r="B143" s="75" t="s">
        <v>78</v>
      </c>
      <c r="C143" s="27" t="s">
        <v>147</v>
      </c>
      <c r="D143" s="52"/>
      <c r="E143" s="94"/>
      <c r="F143" s="95"/>
    </row>
    <row r="144" spans="2:6" s="2" customFormat="1" ht="96.75" customHeight="1" x14ac:dyDescent="0.25">
      <c r="B144" s="75" t="s">
        <v>64</v>
      </c>
      <c r="C144" s="27" t="s">
        <v>148</v>
      </c>
      <c r="D144" s="52"/>
      <c r="E144" s="94"/>
      <c r="F144" s="95"/>
    </row>
    <row r="145" spans="2:6" s="2" customFormat="1" ht="39" customHeight="1" x14ac:dyDescent="0.25">
      <c r="B145" s="51" t="s">
        <v>193</v>
      </c>
      <c r="C145" s="27" t="s">
        <v>108</v>
      </c>
      <c r="D145" s="52"/>
      <c r="E145" s="94"/>
      <c r="F145" s="95"/>
    </row>
    <row r="146" spans="2:6" s="2" customFormat="1" ht="45" customHeight="1" x14ac:dyDescent="0.25">
      <c r="B146" s="51" t="s">
        <v>194</v>
      </c>
      <c r="C146" s="27" t="s">
        <v>109</v>
      </c>
      <c r="D146" s="52"/>
      <c r="E146" s="94"/>
      <c r="F146" s="95"/>
    </row>
    <row r="147" spans="2:6" s="2" customFormat="1" ht="60" customHeight="1" x14ac:dyDescent="0.25">
      <c r="B147" s="51" t="s">
        <v>195</v>
      </c>
      <c r="C147" s="27" t="s">
        <v>149</v>
      </c>
      <c r="D147" s="52"/>
      <c r="E147" s="94"/>
      <c r="F147" s="95"/>
    </row>
    <row r="148" spans="2:6" s="2" customFormat="1" ht="48" customHeight="1" x14ac:dyDescent="0.25">
      <c r="B148" s="51" t="s">
        <v>196</v>
      </c>
      <c r="C148" s="27" t="s">
        <v>150</v>
      </c>
      <c r="D148" s="52"/>
      <c r="E148" s="94"/>
      <c r="F148" s="95"/>
    </row>
    <row r="149" spans="2:6" s="2" customFormat="1" ht="40.5" customHeight="1" x14ac:dyDescent="0.25">
      <c r="B149" s="51" t="s">
        <v>201</v>
      </c>
      <c r="C149" s="27" t="s">
        <v>151</v>
      </c>
      <c r="D149" s="52"/>
      <c r="E149" s="94"/>
      <c r="F149" s="95"/>
    </row>
    <row r="150" spans="2:6" s="2" customFormat="1" ht="70.5" customHeight="1" x14ac:dyDescent="0.25">
      <c r="B150" s="51" t="s">
        <v>202</v>
      </c>
      <c r="C150" s="27" t="s">
        <v>359</v>
      </c>
      <c r="D150" s="52"/>
      <c r="E150" s="94"/>
      <c r="F150" s="95"/>
    </row>
    <row r="151" spans="2:6" s="2" customFormat="1" ht="34.5" customHeight="1" x14ac:dyDescent="0.25">
      <c r="B151" s="51" t="s">
        <v>203</v>
      </c>
      <c r="C151" s="27" t="s">
        <v>110</v>
      </c>
      <c r="D151" s="52"/>
      <c r="E151" s="94"/>
      <c r="F151" s="95"/>
    </row>
    <row r="152" spans="2:6" s="2" customFormat="1" ht="33" customHeight="1" x14ac:dyDescent="0.25">
      <c r="B152" s="51" t="s">
        <v>204</v>
      </c>
      <c r="C152" s="27" t="s">
        <v>152</v>
      </c>
      <c r="D152" s="52"/>
      <c r="E152" s="94"/>
      <c r="F152" s="95"/>
    </row>
    <row r="153" spans="2:6" s="2" customFormat="1" ht="47.25" customHeight="1" x14ac:dyDescent="0.25">
      <c r="B153" s="51" t="s">
        <v>209</v>
      </c>
      <c r="C153" s="27" t="s">
        <v>111</v>
      </c>
      <c r="D153" s="52"/>
      <c r="E153" s="94"/>
      <c r="F153" s="95"/>
    </row>
    <row r="154" spans="2:6" s="2" customFormat="1" ht="67.5" customHeight="1" x14ac:dyDescent="0.25">
      <c r="B154" s="51" t="s">
        <v>301</v>
      </c>
      <c r="C154" s="27" t="s">
        <v>360</v>
      </c>
      <c r="D154" s="52"/>
      <c r="E154" s="94"/>
      <c r="F154" s="95"/>
    </row>
    <row r="155" spans="2:6" s="2" customFormat="1" ht="68.25" customHeight="1" x14ac:dyDescent="0.25">
      <c r="B155" s="75" t="s">
        <v>65</v>
      </c>
      <c r="C155" s="27" t="s">
        <v>153</v>
      </c>
      <c r="D155" s="52"/>
      <c r="E155" s="94"/>
      <c r="F155" s="95"/>
    </row>
    <row r="156" spans="2:6" s="2" customFormat="1" ht="81.75" customHeight="1" x14ac:dyDescent="0.25">
      <c r="B156" s="51" t="s">
        <v>212</v>
      </c>
      <c r="C156" s="45" t="s">
        <v>154</v>
      </c>
      <c r="D156" s="52"/>
      <c r="E156" s="94"/>
      <c r="F156" s="95"/>
    </row>
    <row r="157" spans="2:6" s="2" customFormat="1" ht="32.25" customHeight="1" x14ac:dyDescent="0.25">
      <c r="B157" s="75" t="s">
        <v>66</v>
      </c>
      <c r="C157" s="27" t="s">
        <v>112</v>
      </c>
      <c r="D157" s="52"/>
      <c r="E157" s="94"/>
      <c r="F157" s="95"/>
    </row>
    <row r="158" spans="2:6" s="2" customFormat="1" ht="34.5" customHeight="1" x14ac:dyDescent="0.25">
      <c r="B158" s="51" t="s">
        <v>222</v>
      </c>
      <c r="C158" s="27" t="s">
        <v>155</v>
      </c>
      <c r="D158" s="52"/>
      <c r="E158" s="94"/>
      <c r="F158" s="95"/>
    </row>
    <row r="159" spans="2:6" s="2" customFormat="1" ht="34.5" customHeight="1" x14ac:dyDescent="0.25">
      <c r="B159" s="51" t="s">
        <v>224</v>
      </c>
      <c r="C159" s="27" t="s">
        <v>156</v>
      </c>
      <c r="D159" s="52"/>
      <c r="E159" s="94"/>
      <c r="F159" s="95"/>
    </row>
    <row r="160" spans="2:6" s="2" customFormat="1" ht="69" customHeight="1" x14ac:dyDescent="0.25">
      <c r="B160" s="75" t="s">
        <v>67</v>
      </c>
      <c r="C160" s="27" t="s">
        <v>113</v>
      </c>
      <c r="D160" s="52"/>
      <c r="E160" s="94"/>
      <c r="F160" s="95"/>
    </row>
    <row r="161" spans="2:6" s="2" customFormat="1" ht="57.75" customHeight="1" x14ac:dyDescent="0.25">
      <c r="B161" s="51" t="s">
        <v>133</v>
      </c>
      <c r="C161" s="27" t="s">
        <v>277</v>
      </c>
      <c r="D161" s="52"/>
      <c r="E161" s="94"/>
      <c r="F161" s="95"/>
    </row>
    <row r="162" spans="2:6" s="2" customFormat="1" ht="48" customHeight="1" x14ac:dyDescent="0.25">
      <c r="B162" s="51" t="s">
        <v>134</v>
      </c>
      <c r="C162" s="27" t="s">
        <v>278</v>
      </c>
      <c r="D162" s="52"/>
      <c r="E162" s="94"/>
      <c r="F162" s="95"/>
    </row>
    <row r="163" spans="2:6" s="2" customFormat="1" ht="146.25" customHeight="1" x14ac:dyDescent="0.25">
      <c r="B163" s="75" t="s">
        <v>79</v>
      </c>
      <c r="C163" s="27" t="s">
        <v>279</v>
      </c>
      <c r="D163" s="52"/>
      <c r="E163" s="94"/>
      <c r="F163" s="95"/>
    </row>
    <row r="164" spans="2:6" s="2" customFormat="1" ht="108.75" customHeight="1" x14ac:dyDescent="0.25">
      <c r="B164" s="75" t="s">
        <v>80</v>
      </c>
      <c r="C164" s="27" t="s">
        <v>157</v>
      </c>
      <c r="D164" s="52"/>
      <c r="E164" s="94"/>
      <c r="F164" s="95"/>
    </row>
    <row r="165" spans="2:6" s="2" customFormat="1" ht="41.25" customHeight="1" x14ac:dyDescent="0.25">
      <c r="B165" s="75" t="s">
        <v>68</v>
      </c>
      <c r="C165" s="27" t="s">
        <v>114</v>
      </c>
      <c r="D165" s="52"/>
      <c r="E165" s="94"/>
      <c r="F165" s="95"/>
    </row>
    <row r="166" spans="2:6" s="2" customFormat="1" ht="70.5" customHeight="1" x14ac:dyDescent="0.25">
      <c r="B166" s="63" t="s">
        <v>81</v>
      </c>
      <c r="C166" s="27" t="s">
        <v>115</v>
      </c>
      <c r="D166" s="52"/>
      <c r="E166" s="94"/>
      <c r="F166" s="95"/>
    </row>
    <row r="167" spans="2:6" s="2" customFormat="1" ht="49.5" customHeight="1" x14ac:dyDescent="0.25">
      <c r="B167" s="63" t="s">
        <v>82</v>
      </c>
      <c r="C167" s="27" t="s">
        <v>297</v>
      </c>
      <c r="D167" s="52"/>
      <c r="E167" s="84"/>
      <c r="F167" s="85"/>
    </row>
    <row r="168" spans="2:6" s="2" customFormat="1" ht="36.75" customHeight="1" x14ac:dyDescent="0.25">
      <c r="B168" s="63" t="s">
        <v>83</v>
      </c>
      <c r="C168" s="27" t="s">
        <v>285</v>
      </c>
      <c r="D168" s="52"/>
      <c r="E168" s="84"/>
      <c r="F168" s="85"/>
    </row>
    <row r="169" spans="2:6" s="2" customFormat="1" ht="70.5" customHeight="1" x14ac:dyDescent="0.25">
      <c r="B169" s="63" t="s">
        <v>84</v>
      </c>
      <c r="C169" s="27" t="s">
        <v>286</v>
      </c>
      <c r="D169" s="52"/>
      <c r="E169" s="84"/>
      <c r="F169" s="85"/>
    </row>
    <row r="170" spans="2:6" s="2" customFormat="1" ht="33" customHeight="1" x14ac:dyDescent="0.25">
      <c r="B170" s="63" t="s">
        <v>85</v>
      </c>
      <c r="C170" s="27" t="s">
        <v>298</v>
      </c>
      <c r="D170" s="52"/>
      <c r="E170" s="84"/>
      <c r="F170" s="85"/>
    </row>
    <row r="171" spans="2:6" s="2" customFormat="1" ht="37.5" customHeight="1" x14ac:dyDescent="0.25">
      <c r="B171" s="63" t="s">
        <v>86</v>
      </c>
      <c r="C171" s="27" t="s">
        <v>132</v>
      </c>
      <c r="D171" s="52"/>
      <c r="E171" s="84"/>
      <c r="F171" s="85"/>
    </row>
    <row r="172" spans="2:6" s="2" customFormat="1" ht="37.5" customHeight="1" x14ac:dyDescent="0.25">
      <c r="B172" s="51" t="s">
        <v>302</v>
      </c>
      <c r="C172" s="27" t="s">
        <v>299</v>
      </c>
      <c r="D172" s="52"/>
      <c r="E172" s="84"/>
      <c r="F172" s="85"/>
    </row>
    <row r="173" spans="2:6" s="2" customFormat="1" ht="70.5" customHeight="1" x14ac:dyDescent="0.25">
      <c r="B173" s="51" t="s">
        <v>303</v>
      </c>
      <c r="C173" s="27" t="s">
        <v>300</v>
      </c>
      <c r="D173" s="52"/>
      <c r="E173" s="84"/>
      <c r="F173" s="85"/>
    </row>
    <row r="174" spans="2:6" s="2" customFormat="1" ht="61.5" customHeight="1" x14ac:dyDescent="0.25">
      <c r="B174" s="63" t="s">
        <v>87</v>
      </c>
      <c r="C174" s="27" t="s">
        <v>280</v>
      </c>
      <c r="D174" s="52"/>
      <c r="E174" s="84"/>
      <c r="F174" s="85"/>
    </row>
    <row r="175" spans="2:6" s="2" customFormat="1" ht="34.5" customHeight="1" x14ac:dyDescent="0.25">
      <c r="B175" s="63" t="s">
        <v>88</v>
      </c>
      <c r="C175" s="27" t="s">
        <v>304</v>
      </c>
      <c r="D175" s="52"/>
      <c r="E175" s="84"/>
      <c r="F175" s="85"/>
    </row>
    <row r="176" spans="2:6" s="2" customFormat="1" ht="30" customHeight="1" x14ac:dyDescent="0.25">
      <c r="B176" s="63" t="s">
        <v>89</v>
      </c>
      <c r="C176" s="27" t="s">
        <v>291</v>
      </c>
      <c r="D176" s="52"/>
      <c r="E176" s="84"/>
      <c r="F176" s="85"/>
    </row>
    <row r="177" spans="2:6" s="2" customFormat="1" ht="18.75" customHeight="1" x14ac:dyDescent="0.25">
      <c r="B177" s="63" t="s">
        <v>116</v>
      </c>
      <c r="C177" s="27" t="s">
        <v>287</v>
      </c>
      <c r="D177" s="52"/>
      <c r="E177" s="84"/>
      <c r="F177" s="85"/>
    </row>
    <row r="178" spans="2:6" s="2" customFormat="1" ht="60" customHeight="1" x14ac:dyDescent="0.25">
      <c r="B178" s="63" t="s">
        <v>117</v>
      </c>
      <c r="C178" s="27" t="s">
        <v>358</v>
      </c>
      <c r="D178" s="52"/>
      <c r="E178" s="84"/>
      <c r="F178" s="85"/>
    </row>
    <row r="179" spans="2:6" s="2" customFormat="1" ht="61.5" customHeight="1" x14ac:dyDescent="0.25">
      <c r="B179" s="63" t="s">
        <v>119</v>
      </c>
      <c r="C179" s="27" t="s">
        <v>281</v>
      </c>
      <c r="D179" s="52"/>
      <c r="E179" s="84"/>
      <c r="F179" s="85"/>
    </row>
    <row r="180" spans="2:6" s="2" customFormat="1" ht="84.75" customHeight="1" x14ac:dyDescent="0.25">
      <c r="B180" s="63" t="s">
        <v>305</v>
      </c>
      <c r="C180" s="90" t="s">
        <v>330</v>
      </c>
      <c r="D180" s="52"/>
      <c r="E180" s="86"/>
      <c r="F180" s="87"/>
    </row>
    <row r="181" spans="2:6" s="2" customFormat="1" ht="37.5" customHeight="1" x14ac:dyDescent="0.25">
      <c r="B181" s="63" t="s">
        <v>306</v>
      </c>
      <c r="C181" s="27" t="s">
        <v>323</v>
      </c>
      <c r="D181" s="52"/>
      <c r="E181" s="86"/>
      <c r="F181" s="87"/>
    </row>
    <row r="182" spans="2:6" s="2" customFormat="1" ht="42.75" customHeight="1" x14ac:dyDescent="0.25">
      <c r="B182" s="63" t="s">
        <v>307</v>
      </c>
      <c r="C182" s="27" t="s">
        <v>324</v>
      </c>
      <c r="D182" s="52"/>
      <c r="E182" s="86"/>
      <c r="F182" s="87"/>
    </row>
    <row r="183" spans="2:6" s="2" customFormat="1" ht="22.5" customHeight="1" x14ac:dyDescent="0.25">
      <c r="B183" s="63" t="s">
        <v>308</v>
      </c>
      <c r="C183" s="27" t="s">
        <v>325</v>
      </c>
      <c r="D183" s="52"/>
      <c r="E183" s="86"/>
      <c r="F183" s="87"/>
    </row>
    <row r="184" spans="2:6" s="2" customFormat="1" ht="24" customHeight="1" x14ac:dyDescent="0.25">
      <c r="B184" s="51" t="s">
        <v>331</v>
      </c>
      <c r="C184" s="27" t="s">
        <v>326</v>
      </c>
      <c r="D184" s="52"/>
      <c r="E184" s="86"/>
      <c r="F184" s="87"/>
    </row>
    <row r="185" spans="2:6" s="2" customFormat="1" ht="23.25" customHeight="1" x14ac:dyDescent="0.25">
      <c r="B185" s="51" t="s">
        <v>332</v>
      </c>
      <c r="C185" s="27" t="s">
        <v>329</v>
      </c>
      <c r="D185" s="52"/>
      <c r="E185" s="86"/>
      <c r="F185" s="87"/>
    </row>
    <row r="186" spans="2:6" s="2" customFormat="1" ht="21.75" customHeight="1" x14ac:dyDescent="0.25">
      <c r="B186" s="51" t="s">
        <v>333</v>
      </c>
      <c r="C186" s="27" t="s">
        <v>327</v>
      </c>
      <c r="D186" s="52"/>
      <c r="E186" s="86"/>
      <c r="F186" s="87"/>
    </row>
    <row r="187" spans="2:6" s="2" customFormat="1" ht="36.75" customHeight="1" x14ac:dyDescent="0.25">
      <c r="B187" s="51" t="s">
        <v>334</v>
      </c>
      <c r="C187" s="27" t="s">
        <v>328</v>
      </c>
      <c r="D187" s="52"/>
      <c r="E187" s="86"/>
      <c r="F187" s="87"/>
    </row>
    <row r="188" spans="2:6" s="2" customFormat="1" ht="51.75" customHeight="1" x14ac:dyDescent="0.25">
      <c r="B188" s="63" t="s">
        <v>309</v>
      </c>
      <c r="C188" s="27" t="s">
        <v>335</v>
      </c>
      <c r="D188" s="52"/>
      <c r="E188" s="86"/>
      <c r="F188" s="87"/>
    </row>
    <row r="189" spans="2:6" s="2" customFormat="1" ht="36" customHeight="1" x14ac:dyDescent="0.25">
      <c r="B189" s="63" t="s">
        <v>310</v>
      </c>
      <c r="C189" s="27" t="s">
        <v>355</v>
      </c>
      <c r="D189" s="52"/>
      <c r="E189" s="86"/>
      <c r="F189" s="87"/>
    </row>
    <row r="190" spans="2:6" s="2" customFormat="1" ht="23.25" customHeight="1" x14ac:dyDescent="0.25">
      <c r="B190" s="63" t="s">
        <v>311</v>
      </c>
      <c r="C190" s="27" t="s">
        <v>336</v>
      </c>
      <c r="D190" s="52"/>
      <c r="E190" s="86"/>
      <c r="F190" s="87"/>
    </row>
    <row r="191" spans="2:6" s="2" customFormat="1" ht="70.5" customHeight="1" x14ac:dyDescent="0.25">
      <c r="B191" s="51" t="s">
        <v>339</v>
      </c>
      <c r="C191" s="27" t="s">
        <v>337</v>
      </c>
      <c r="D191" s="52"/>
      <c r="E191" s="86"/>
      <c r="F191" s="87"/>
    </row>
    <row r="192" spans="2:6" s="2" customFormat="1" ht="51.75" customHeight="1" x14ac:dyDescent="0.25">
      <c r="B192" s="51" t="s">
        <v>340</v>
      </c>
      <c r="C192" s="27" t="s">
        <v>338</v>
      </c>
      <c r="D192" s="52"/>
      <c r="E192" s="86"/>
      <c r="F192" s="87"/>
    </row>
    <row r="193" spans="2:6" s="2" customFormat="1" ht="42" customHeight="1" x14ac:dyDescent="0.25">
      <c r="B193" s="63" t="s">
        <v>312</v>
      </c>
      <c r="C193" s="27" t="s">
        <v>135</v>
      </c>
      <c r="D193" s="52"/>
      <c r="E193" s="84"/>
      <c r="F193" s="85"/>
    </row>
    <row r="194" spans="2:6" s="2" customFormat="1" ht="52.5" customHeight="1" x14ac:dyDescent="0.25">
      <c r="B194" s="63" t="s">
        <v>313</v>
      </c>
      <c r="C194" s="90" t="s">
        <v>341</v>
      </c>
      <c r="D194" s="52"/>
      <c r="E194" s="84"/>
      <c r="F194" s="85"/>
    </row>
    <row r="195" spans="2:6" s="2" customFormat="1" ht="53.25" customHeight="1" x14ac:dyDescent="0.25">
      <c r="B195" s="63" t="s">
        <v>314</v>
      </c>
      <c r="C195" s="90" t="s">
        <v>342</v>
      </c>
      <c r="D195" s="52"/>
      <c r="E195" s="84"/>
      <c r="F195" s="85"/>
    </row>
    <row r="196" spans="2:6" s="2" customFormat="1" ht="67.5" customHeight="1" x14ac:dyDescent="0.25">
      <c r="B196" s="63" t="s">
        <v>315</v>
      </c>
      <c r="C196" s="90" t="s">
        <v>293</v>
      </c>
      <c r="D196" s="52"/>
      <c r="E196" s="84"/>
      <c r="F196" s="85"/>
    </row>
    <row r="197" spans="2:6" s="2" customFormat="1" ht="81" customHeight="1" x14ac:dyDescent="0.25">
      <c r="B197" s="63" t="s">
        <v>316</v>
      </c>
      <c r="C197" s="89" t="s">
        <v>294</v>
      </c>
      <c r="D197" s="52"/>
      <c r="E197" s="84"/>
      <c r="F197" s="85"/>
    </row>
    <row r="198" spans="2:6" s="2" customFormat="1" ht="84" customHeight="1" x14ac:dyDescent="0.25">
      <c r="B198" s="63" t="s">
        <v>317</v>
      </c>
      <c r="C198" s="90" t="s">
        <v>144</v>
      </c>
      <c r="D198" s="52"/>
      <c r="E198" s="84"/>
      <c r="F198" s="85"/>
    </row>
    <row r="199" spans="2:6" s="2" customFormat="1" ht="32.25" customHeight="1" x14ac:dyDescent="0.25">
      <c r="B199" s="63" t="s">
        <v>318</v>
      </c>
      <c r="C199" s="27" t="s">
        <v>296</v>
      </c>
      <c r="D199" s="52"/>
      <c r="E199" s="84"/>
      <c r="F199" s="85"/>
    </row>
    <row r="200" spans="2:6" s="2" customFormat="1" ht="119.25" customHeight="1" x14ac:dyDescent="0.25">
      <c r="B200" s="63" t="s">
        <v>319</v>
      </c>
      <c r="C200" s="90" t="s">
        <v>295</v>
      </c>
      <c r="D200" s="52"/>
      <c r="E200" s="84"/>
      <c r="F200" s="85"/>
    </row>
    <row r="201" spans="2:6" s="2" customFormat="1" ht="109.5" customHeight="1" x14ac:dyDescent="0.25">
      <c r="B201" s="63" t="s">
        <v>322</v>
      </c>
      <c r="C201" s="90" t="s">
        <v>107</v>
      </c>
      <c r="D201" s="52"/>
      <c r="E201" s="84"/>
      <c r="F201" s="85"/>
    </row>
    <row r="202" spans="2:6" s="2" customFormat="1" ht="54" customHeight="1" x14ac:dyDescent="0.25">
      <c r="B202" s="63" t="s">
        <v>343</v>
      </c>
      <c r="C202" s="90" t="s">
        <v>356</v>
      </c>
      <c r="D202" s="52"/>
      <c r="E202" s="86"/>
      <c r="F202" s="87"/>
    </row>
    <row r="203" spans="2:6" s="2" customFormat="1" ht="105.75" customHeight="1" x14ac:dyDescent="0.25">
      <c r="B203" s="63" t="s">
        <v>344</v>
      </c>
      <c r="C203" s="90" t="s">
        <v>320</v>
      </c>
      <c r="D203" s="52"/>
      <c r="E203" s="84"/>
      <c r="F203" s="85"/>
    </row>
    <row r="204" spans="2:6" s="2" customFormat="1" ht="109.5" customHeight="1" x14ac:dyDescent="0.25">
      <c r="B204" s="51" t="s">
        <v>345</v>
      </c>
      <c r="C204" s="90" t="s">
        <v>351</v>
      </c>
      <c r="D204" s="52"/>
      <c r="E204" s="84"/>
      <c r="F204" s="85"/>
    </row>
    <row r="205" spans="2:6" s="2" customFormat="1" ht="143.25" customHeight="1" x14ac:dyDescent="0.25">
      <c r="B205" s="80" t="s">
        <v>346</v>
      </c>
      <c r="C205" s="90" t="s">
        <v>145</v>
      </c>
      <c r="D205" s="52"/>
      <c r="E205" s="84"/>
      <c r="F205" s="85"/>
    </row>
    <row r="206" spans="2:6" s="2" customFormat="1" ht="70.5" customHeight="1" x14ac:dyDescent="0.25">
      <c r="B206" s="91" t="s">
        <v>352</v>
      </c>
      <c r="C206" s="90" t="s">
        <v>146</v>
      </c>
      <c r="D206" s="52"/>
      <c r="E206" s="84"/>
      <c r="F206" s="85"/>
    </row>
    <row r="207" spans="2:6" s="2" customFormat="1" ht="84.75" customHeight="1" x14ac:dyDescent="0.25">
      <c r="B207" s="91" t="s">
        <v>353</v>
      </c>
      <c r="C207" s="90" t="s">
        <v>321</v>
      </c>
      <c r="D207" s="52"/>
      <c r="E207" s="84"/>
      <c r="F207" s="85"/>
    </row>
    <row r="208" spans="2:6" s="2" customFormat="1" ht="79.5" customHeight="1" x14ac:dyDescent="0.25">
      <c r="B208" s="63" t="s">
        <v>347</v>
      </c>
      <c r="C208" s="90" t="s">
        <v>136</v>
      </c>
      <c r="D208" s="52"/>
      <c r="E208" s="82"/>
      <c r="F208" s="83"/>
    </row>
    <row r="209" spans="2:7" s="2" customFormat="1" ht="191.25" customHeight="1" x14ac:dyDescent="0.25">
      <c r="B209" s="63" t="s">
        <v>348</v>
      </c>
      <c r="C209" s="90" t="s">
        <v>158</v>
      </c>
      <c r="D209" s="52"/>
      <c r="E209" s="82"/>
      <c r="F209" s="83"/>
    </row>
    <row r="210" spans="2:7" s="2" customFormat="1" ht="94.5" customHeight="1" x14ac:dyDescent="0.25">
      <c r="B210" s="63" t="s">
        <v>349</v>
      </c>
      <c r="C210" s="90" t="s">
        <v>137</v>
      </c>
      <c r="D210" s="52"/>
      <c r="E210" s="82"/>
      <c r="F210" s="83"/>
    </row>
    <row r="211" spans="2:7" s="2" customFormat="1" ht="124.5" customHeight="1" x14ac:dyDescent="0.25">
      <c r="B211" s="63" t="s">
        <v>350</v>
      </c>
      <c r="C211" s="90" t="s">
        <v>159</v>
      </c>
      <c r="D211" s="52"/>
      <c r="E211" s="82"/>
      <c r="F211" s="83"/>
    </row>
    <row r="212" spans="2:7" s="2" customFormat="1" ht="73.5" customHeight="1" x14ac:dyDescent="0.25">
      <c r="B212" s="63" t="s">
        <v>354</v>
      </c>
      <c r="C212" s="90" t="s">
        <v>160</v>
      </c>
      <c r="D212" s="52"/>
      <c r="E212" s="82"/>
      <c r="F212" s="83"/>
    </row>
    <row r="213" spans="2:7" s="3" customFormat="1" ht="5.0999999999999996" customHeight="1" x14ac:dyDescent="0.25">
      <c r="B213" s="5"/>
      <c r="C213" s="5"/>
      <c r="D213" s="7"/>
      <c r="E213" s="7"/>
      <c r="F213" s="26"/>
      <c r="G213" s="2"/>
    </row>
    <row r="214" spans="2:7" s="2" customFormat="1" ht="20.100000000000001" customHeight="1" x14ac:dyDescent="0.25">
      <c r="B214" s="117" t="s">
        <v>55</v>
      </c>
      <c r="C214" s="117"/>
      <c r="D214" s="117"/>
      <c r="E214" s="117"/>
      <c r="F214" s="117"/>
    </row>
    <row r="215" spans="2:7" s="2" customFormat="1" ht="4.5" customHeight="1" thickBot="1" x14ac:dyDescent="0.3"/>
    <row r="216" spans="2:7" s="2" customFormat="1" ht="80.25" customHeight="1" x14ac:dyDescent="0.25">
      <c r="B216" s="124" t="s">
        <v>56</v>
      </c>
      <c r="C216" s="125"/>
      <c r="D216" s="121" t="s">
        <v>57</v>
      </c>
      <c r="E216" s="122"/>
      <c r="F216" s="123"/>
    </row>
    <row r="217" spans="2:7" s="3" customFormat="1" ht="29.25" customHeight="1" thickBot="1" x14ac:dyDescent="0.3">
      <c r="B217" s="126"/>
      <c r="C217" s="127"/>
      <c r="D217" s="24" t="s">
        <v>7</v>
      </c>
      <c r="E217" s="142" t="s">
        <v>32</v>
      </c>
      <c r="F217" s="143"/>
      <c r="G217" s="2"/>
    </row>
    <row r="218" spans="2:7" s="3" customFormat="1" ht="27" customHeight="1" x14ac:dyDescent="0.25">
      <c r="B218" s="55" t="s">
        <v>16</v>
      </c>
      <c r="C218" s="56" t="s">
        <v>71</v>
      </c>
      <c r="D218" s="57"/>
      <c r="E218" s="146"/>
      <c r="F218" s="147"/>
      <c r="G218" s="2"/>
    </row>
    <row r="219" spans="2:7" s="3" customFormat="1" ht="30.75" customHeight="1" thickBot="1" x14ac:dyDescent="0.3">
      <c r="B219" s="58" t="s">
        <v>59</v>
      </c>
      <c r="C219" s="65" t="s">
        <v>58</v>
      </c>
      <c r="D219" s="59"/>
      <c r="E219" s="140"/>
      <c r="F219" s="141"/>
      <c r="G219" s="2"/>
    </row>
    <row r="220" spans="2:7" s="2" customFormat="1" ht="5.0999999999999996" customHeight="1" x14ac:dyDescent="0.25">
      <c r="B220" s="5"/>
      <c r="C220" s="5"/>
      <c r="D220" s="7"/>
      <c r="E220" s="7"/>
      <c r="F220" s="26"/>
    </row>
    <row r="221" spans="2:7" s="2" customFormat="1" ht="20.100000000000001" customHeight="1" x14ac:dyDescent="0.25">
      <c r="B221" s="117" t="s">
        <v>15</v>
      </c>
      <c r="C221" s="117"/>
      <c r="D221" s="117"/>
      <c r="E221" s="117"/>
      <c r="F221" s="117"/>
    </row>
    <row r="222" spans="2:7" s="3" customFormat="1" ht="30" customHeight="1" x14ac:dyDescent="0.25">
      <c r="B222" s="5" t="s">
        <v>17</v>
      </c>
      <c r="C222" s="137" t="s">
        <v>49</v>
      </c>
      <c r="D222" s="137"/>
      <c r="E222" s="137"/>
      <c r="F222" s="137"/>
      <c r="G222" s="2"/>
    </row>
    <row r="223" spans="2:7" s="29" customFormat="1" ht="30" customHeight="1" x14ac:dyDescent="0.25">
      <c r="B223" s="5" t="s">
        <v>33</v>
      </c>
      <c r="C223" s="137" t="s">
        <v>34</v>
      </c>
      <c r="D223" s="137"/>
      <c r="E223" s="137"/>
      <c r="F223" s="137"/>
      <c r="G223" s="2"/>
    </row>
    <row r="224" spans="2:7" s="29" customFormat="1" ht="30" customHeight="1" x14ac:dyDescent="0.25">
      <c r="B224" s="138" t="s">
        <v>35</v>
      </c>
      <c r="C224" s="138"/>
      <c r="D224" s="138"/>
      <c r="E224" s="138"/>
      <c r="F224" s="3"/>
      <c r="G224" s="2"/>
    </row>
    <row r="225" spans="2:7" s="2" customFormat="1" ht="24.95" customHeight="1" x14ac:dyDescent="0.25">
      <c r="B225" s="28" t="s">
        <v>36</v>
      </c>
      <c r="C225" s="135"/>
      <c r="D225" s="135"/>
      <c r="F225" s="29"/>
    </row>
    <row r="226" spans="2:7" s="2" customFormat="1" ht="24.95" customHeight="1" x14ac:dyDescent="0.25">
      <c r="B226" s="28" t="s">
        <v>37</v>
      </c>
      <c r="C226" s="135"/>
      <c r="D226" s="135"/>
      <c r="F226" s="29"/>
    </row>
    <row r="227" spans="2:7" s="2" customFormat="1" ht="24.95" customHeight="1" x14ac:dyDescent="0.25">
      <c r="B227" s="28" t="s">
        <v>38</v>
      </c>
      <c r="C227" s="135"/>
      <c r="D227" s="135"/>
      <c r="F227" s="29"/>
    </row>
    <row r="228" spans="2:7" s="3" customFormat="1" ht="24.95" customHeight="1" x14ac:dyDescent="0.25">
      <c r="B228" s="28" t="s">
        <v>39</v>
      </c>
      <c r="C228" s="135"/>
      <c r="D228" s="135"/>
      <c r="E228" s="2"/>
      <c r="F228" s="30"/>
      <c r="G228" s="2"/>
    </row>
    <row r="229" spans="2:7" s="2" customFormat="1" ht="14.25" customHeight="1" x14ac:dyDescent="0.2">
      <c r="B229" s="11"/>
      <c r="C229" s="12"/>
      <c r="D229" s="12"/>
      <c r="F229" s="31"/>
    </row>
    <row r="230" spans="2:7" s="3" customFormat="1" ht="15" customHeight="1" x14ac:dyDescent="0.25">
      <c r="B230" s="139" t="s">
        <v>40</v>
      </c>
      <c r="C230" s="139"/>
      <c r="D230" s="139"/>
      <c r="E230" s="139"/>
      <c r="F230" s="139"/>
    </row>
    <row r="231" spans="2:7" s="2" customFormat="1" ht="36.75" customHeight="1" x14ac:dyDescent="0.25">
      <c r="B231" s="136" t="s">
        <v>52</v>
      </c>
      <c r="C231" s="136"/>
      <c r="D231" s="136"/>
      <c r="E231" s="136"/>
      <c r="F231" s="136"/>
    </row>
    <row r="232" spans="2:7" s="2" customFormat="1" ht="20.100000000000001" customHeight="1" x14ac:dyDescent="0.2">
      <c r="B232" s="1"/>
      <c r="C232" s="1"/>
      <c r="D232" s="8"/>
      <c r="E232" s="8"/>
    </row>
    <row r="233" spans="2:7" s="3" customFormat="1" ht="4.5" customHeight="1" x14ac:dyDescent="0.2">
      <c r="B233" s="1"/>
      <c r="C233" s="1"/>
      <c r="D233" s="8"/>
      <c r="E233" s="8"/>
      <c r="F233" s="2"/>
    </row>
    <row r="234" spans="2:7" s="3" customFormat="1" ht="20.100000000000001" customHeight="1" x14ac:dyDescent="0.25">
      <c r="B234" s="32" t="s">
        <v>41</v>
      </c>
      <c r="C234" s="33"/>
      <c r="D234" s="34" t="s">
        <v>42</v>
      </c>
      <c r="E234" s="133"/>
      <c r="F234" s="133"/>
    </row>
    <row r="235" spans="2:7" s="3" customFormat="1" ht="20.100000000000001" customHeight="1" x14ac:dyDescent="0.25">
      <c r="B235" s="35"/>
      <c r="C235" s="35"/>
      <c r="D235" s="35"/>
      <c r="E235" s="36"/>
      <c r="F235" s="36"/>
    </row>
    <row r="236" spans="2:7" ht="20.100000000000001" customHeight="1" x14ac:dyDescent="0.2">
      <c r="B236" s="32" t="s">
        <v>43</v>
      </c>
      <c r="C236" s="33"/>
      <c r="D236" s="37" t="s">
        <v>44</v>
      </c>
      <c r="E236" s="134"/>
      <c r="F236" s="134"/>
    </row>
    <row r="237" spans="2:7" s="2" customFormat="1" ht="20.100000000000001" customHeight="1" x14ac:dyDescent="0.2">
      <c r="B237" s="1"/>
      <c r="C237" s="1"/>
      <c r="D237" s="37" t="s">
        <v>45</v>
      </c>
      <c r="E237" s="135"/>
      <c r="F237" s="135"/>
    </row>
    <row r="238" spans="2:7" s="2" customFormat="1" ht="20.100000000000001" customHeight="1" x14ac:dyDescent="0.2">
      <c r="B238" s="1"/>
      <c r="C238" s="1"/>
      <c r="D238" s="38" t="s">
        <v>46</v>
      </c>
      <c r="E238" s="1"/>
    </row>
    <row r="239" spans="2:7" s="2" customFormat="1" ht="37.5" customHeight="1" x14ac:dyDescent="0.25"/>
    <row r="240" spans="2:7" s="2" customFormat="1" ht="24" customHeight="1" x14ac:dyDescent="0.25"/>
    <row r="241" spans="2:5" s="2" customFormat="1" ht="24" customHeight="1" x14ac:dyDescent="0.25"/>
    <row r="242" spans="2:5" s="2" customFormat="1" ht="24" customHeight="1" x14ac:dyDescent="0.25"/>
    <row r="243" spans="2:5" s="2" customFormat="1" ht="20.100000000000001" customHeight="1" x14ac:dyDescent="0.25"/>
    <row r="244" spans="2:5" s="2" customFormat="1" ht="20.100000000000001" customHeight="1" x14ac:dyDescent="0.25"/>
    <row r="245" spans="2:5" s="2" customFormat="1" ht="50.1" customHeight="1" x14ac:dyDescent="0.25"/>
    <row r="246" spans="2:5" s="2" customFormat="1" ht="43.5" customHeight="1" x14ac:dyDescent="0.25"/>
    <row r="247" spans="2:5" ht="24.75" customHeight="1" x14ac:dyDescent="0.2">
      <c r="B247" s="2"/>
      <c r="C247" s="2"/>
      <c r="D247" s="2"/>
      <c r="E247" s="2"/>
    </row>
    <row r="248" spans="2:5" x14ac:dyDescent="0.2">
      <c r="B248" s="2"/>
      <c r="C248" s="2"/>
      <c r="D248" s="2"/>
      <c r="E248" s="2"/>
    </row>
    <row r="249" spans="2:5" ht="20.100000000000001" customHeight="1" x14ac:dyDescent="0.2"/>
    <row r="250" spans="2:5" ht="4.5" customHeight="1" x14ac:dyDescent="0.2"/>
    <row r="251" spans="2:5" ht="20.100000000000001" customHeight="1" x14ac:dyDescent="0.2"/>
    <row r="252" spans="2:5" ht="20.100000000000001" customHeight="1" x14ac:dyDescent="0.2"/>
    <row r="253" spans="2:5" ht="20.100000000000001" customHeight="1" x14ac:dyDescent="0.2"/>
  </sheetData>
  <mergeCells count="168">
    <mergeCell ref="E53:F53"/>
    <mergeCell ref="E54:F54"/>
    <mergeCell ref="E127:F127"/>
    <mergeCell ref="E57:F57"/>
    <mergeCell ref="E58:F58"/>
    <mergeCell ref="E59:F59"/>
    <mergeCell ref="E60:F60"/>
    <mergeCell ref="E65:F65"/>
    <mergeCell ref="E61:F61"/>
    <mergeCell ref="E62:F62"/>
    <mergeCell ref="E63:F63"/>
    <mergeCell ref="E64:F64"/>
    <mergeCell ref="E66:F66"/>
    <mergeCell ref="E67:F67"/>
    <mergeCell ref="E68:F68"/>
    <mergeCell ref="E69:F69"/>
    <mergeCell ref="E70:F70"/>
    <mergeCell ref="E71:F71"/>
    <mergeCell ref="E55:F55"/>
    <mergeCell ref="E86:F86"/>
    <mergeCell ref="E96:F96"/>
    <mergeCell ref="E97:F97"/>
    <mergeCell ref="E98:F98"/>
    <mergeCell ref="E99:F99"/>
    <mergeCell ref="B2:F2"/>
    <mergeCell ref="B1:F1"/>
    <mergeCell ref="B26:C26"/>
    <mergeCell ref="B29:C29"/>
    <mergeCell ref="E218:F218"/>
    <mergeCell ref="E129:F129"/>
    <mergeCell ref="E130:F130"/>
    <mergeCell ref="E131:F131"/>
    <mergeCell ref="E132:F132"/>
    <mergeCell ref="E133:F133"/>
    <mergeCell ref="E134:F134"/>
    <mergeCell ref="E128:F128"/>
    <mergeCell ref="B122:F122"/>
    <mergeCell ref="B124:C125"/>
    <mergeCell ref="D124:F124"/>
    <mergeCell ref="E125:F125"/>
    <mergeCell ref="E50:F50"/>
    <mergeCell ref="B24:F24"/>
    <mergeCell ref="B19:D19"/>
    <mergeCell ref="B20:D20"/>
    <mergeCell ref="B21:F21"/>
    <mergeCell ref="B23:D23"/>
    <mergeCell ref="E52:F52"/>
    <mergeCell ref="B25:F25"/>
    <mergeCell ref="E84:F84"/>
    <mergeCell ref="E85:F85"/>
    <mergeCell ref="E234:F234"/>
    <mergeCell ref="E236:F236"/>
    <mergeCell ref="E237:F237"/>
    <mergeCell ref="B231:F231"/>
    <mergeCell ref="B221:F221"/>
    <mergeCell ref="C222:F222"/>
    <mergeCell ref="C223:F223"/>
    <mergeCell ref="B224:E224"/>
    <mergeCell ref="B230:F230"/>
    <mergeCell ref="C225:D225"/>
    <mergeCell ref="C226:D226"/>
    <mergeCell ref="C227:D227"/>
    <mergeCell ref="C228:D228"/>
    <mergeCell ref="E219:F219"/>
    <mergeCell ref="B214:F214"/>
    <mergeCell ref="B216:C217"/>
    <mergeCell ref="D216:F216"/>
    <mergeCell ref="E217:F217"/>
    <mergeCell ref="E103:F103"/>
    <mergeCell ref="E104:F104"/>
    <mergeCell ref="E87:F87"/>
    <mergeCell ref="E88:F88"/>
    <mergeCell ref="E75:F75"/>
    <mergeCell ref="E76:F76"/>
    <mergeCell ref="E77:F77"/>
    <mergeCell ref="E78:F78"/>
    <mergeCell ref="E79:F79"/>
    <mergeCell ref="E80:F80"/>
    <mergeCell ref="E81:F81"/>
    <mergeCell ref="E82:F82"/>
    <mergeCell ref="E83:F83"/>
    <mergeCell ref="B3:F3"/>
    <mergeCell ref="B7:F7"/>
    <mergeCell ref="B8:F8"/>
    <mergeCell ref="B9:F9"/>
    <mergeCell ref="B11:F11"/>
    <mergeCell ref="B12:D12"/>
    <mergeCell ref="B14:D14"/>
    <mergeCell ref="B15:D15"/>
    <mergeCell ref="D40:F40"/>
    <mergeCell ref="C31:D31"/>
    <mergeCell ref="B16:D16"/>
    <mergeCell ref="B38:F38"/>
    <mergeCell ref="B40:C41"/>
    <mergeCell ref="B22:F22"/>
    <mergeCell ref="C30:D30"/>
    <mergeCell ref="B34:C34"/>
    <mergeCell ref="E153:F153"/>
    <mergeCell ref="E154:F154"/>
    <mergeCell ref="E155:F155"/>
    <mergeCell ref="B13:D13"/>
    <mergeCell ref="C32:D32"/>
    <mergeCell ref="E56:F56"/>
    <mergeCell ref="E48:F48"/>
    <mergeCell ref="E49:F49"/>
    <mergeCell ref="E51:F51"/>
    <mergeCell ref="E41:F41"/>
    <mergeCell ref="E44:F44"/>
    <mergeCell ref="B42:F42"/>
    <mergeCell ref="E43:F43"/>
    <mergeCell ref="E45:F45"/>
    <mergeCell ref="E46:F46"/>
    <mergeCell ref="E47:F47"/>
    <mergeCell ref="E72:F72"/>
    <mergeCell ref="E73:F73"/>
    <mergeCell ref="E74:F74"/>
    <mergeCell ref="E93:F93"/>
    <mergeCell ref="E89:F89"/>
    <mergeCell ref="E90:F90"/>
    <mergeCell ref="E91:F91"/>
    <mergeCell ref="E92:F92"/>
    <mergeCell ref="E112:F112"/>
    <mergeCell ref="E111:F111"/>
    <mergeCell ref="B108:F108"/>
    <mergeCell ref="B109:C109"/>
    <mergeCell ref="E105:F105"/>
    <mergeCell ref="E106:F106"/>
    <mergeCell ref="E107:F107"/>
    <mergeCell ref="E162:F162"/>
    <mergeCell ref="E163:F163"/>
    <mergeCell ref="E143:F143"/>
    <mergeCell ref="E144:F144"/>
    <mergeCell ref="E145:F145"/>
    <mergeCell ref="E146:F146"/>
    <mergeCell ref="E126:F126"/>
    <mergeCell ref="E109:F109"/>
    <mergeCell ref="E110:F110"/>
    <mergeCell ref="E140:F140"/>
    <mergeCell ref="E141:F141"/>
    <mergeCell ref="E147:F147"/>
    <mergeCell ref="E148:F148"/>
    <mergeCell ref="E149:F149"/>
    <mergeCell ref="E150:F150"/>
    <mergeCell ref="E151:F151"/>
    <mergeCell ref="E152:F152"/>
    <mergeCell ref="E142:F142"/>
    <mergeCell ref="E115:F115"/>
    <mergeCell ref="E114:F114"/>
    <mergeCell ref="E113:F113"/>
    <mergeCell ref="E117:F117"/>
    <mergeCell ref="E116:F116"/>
    <mergeCell ref="E118:F118"/>
    <mergeCell ref="E119:F119"/>
    <mergeCell ref="E135:F135"/>
    <mergeCell ref="E136:F136"/>
    <mergeCell ref="E137:F137"/>
    <mergeCell ref="E138:F138"/>
    <mergeCell ref="E139:F139"/>
    <mergeCell ref="E120:F120"/>
    <mergeCell ref="E165:F165"/>
    <mergeCell ref="E166:F166"/>
    <mergeCell ref="E156:F156"/>
    <mergeCell ref="E157:F157"/>
    <mergeCell ref="E158:F158"/>
    <mergeCell ref="E159:F159"/>
    <mergeCell ref="E160:F160"/>
    <mergeCell ref="E161:F161"/>
    <mergeCell ref="E164:F164"/>
  </mergeCells>
  <conditionalFormatting sqref="D50 D63:D66 D74:D79 D134:D136 D71:D72 D81:D82 D89 D91:D107 D115:D118 D138:D212">
    <cfRule type="containsBlanks" dxfId="35" priority="118">
      <formula>LEN(TRIM(D50))=0</formula>
    </cfRule>
  </conditionalFormatting>
  <conditionalFormatting sqref="E236:F236">
    <cfRule type="containsBlanks" dxfId="34" priority="117">
      <formula>LEN(TRIM(E236))=0</formula>
    </cfRule>
  </conditionalFormatting>
  <conditionalFormatting sqref="C234">
    <cfRule type="containsBlanks" dxfId="33" priority="115">
      <formula>LEN(TRIM(C234))=0</formula>
    </cfRule>
  </conditionalFormatting>
  <conditionalFormatting sqref="E237:F237">
    <cfRule type="containsBlanks" dxfId="32" priority="116">
      <formula>LEN(TRIM(E237))=0</formula>
    </cfRule>
  </conditionalFormatting>
  <conditionalFormatting sqref="C236">
    <cfRule type="containsBlanks" dxfId="31" priority="114">
      <formula>LEN(TRIM(C236))=0</formula>
    </cfRule>
  </conditionalFormatting>
  <conditionalFormatting sqref="C4:C5">
    <cfRule type="containsBlanks" dxfId="30" priority="113">
      <formula>LEN(TRIM(C4))=0</formula>
    </cfRule>
  </conditionalFormatting>
  <conditionalFormatting sqref="D43">
    <cfRule type="containsBlanks" dxfId="29" priority="112">
      <formula>LEN(TRIM(D43))=0</formula>
    </cfRule>
  </conditionalFormatting>
  <conditionalFormatting sqref="D218">
    <cfRule type="containsBlanks" dxfId="28" priority="107">
      <formula>LEN(TRIM(D218))=0</formula>
    </cfRule>
  </conditionalFormatting>
  <conditionalFormatting sqref="C227:D227">
    <cfRule type="containsBlanks" dxfId="27" priority="103">
      <formula>LEN(TRIM(C227))=0</formula>
    </cfRule>
  </conditionalFormatting>
  <conditionalFormatting sqref="D47">
    <cfRule type="containsBlanks" dxfId="26" priority="88">
      <formula>LEN(TRIM(D47))=0</formula>
    </cfRule>
  </conditionalFormatting>
  <conditionalFormatting sqref="D48">
    <cfRule type="containsBlanks" dxfId="25" priority="87">
      <formula>LEN(TRIM(D48))=0</formula>
    </cfRule>
  </conditionalFormatting>
  <conditionalFormatting sqref="D49">
    <cfRule type="containsBlanks" dxfId="24" priority="86">
      <formula>LEN(TRIM(D49))=0</formula>
    </cfRule>
  </conditionalFormatting>
  <conditionalFormatting sqref="D46">
    <cfRule type="containsBlanks" dxfId="23" priority="84">
      <formula>LEN(TRIM(D46))=0</formula>
    </cfRule>
  </conditionalFormatting>
  <conditionalFormatting sqref="D51">
    <cfRule type="containsBlanks" dxfId="22" priority="83">
      <formula>LEN(TRIM(D51))=0</formula>
    </cfRule>
  </conditionalFormatting>
  <conditionalFormatting sqref="D44:D45">
    <cfRule type="containsBlanks" dxfId="21" priority="85">
      <formula>LEN(TRIM(D44))=0</formula>
    </cfRule>
  </conditionalFormatting>
  <conditionalFormatting sqref="D52">
    <cfRule type="containsBlanks" dxfId="20" priority="81">
      <formula>LEN(TRIM(D52))=0</formula>
    </cfRule>
  </conditionalFormatting>
  <conditionalFormatting sqref="D110">
    <cfRule type="containsBlanks" dxfId="19" priority="62">
      <formula>LEN(TRIM(D110))=0</formula>
    </cfRule>
  </conditionalFormatting>
  <conditionalFormatting sqref="D53:D62">
    <cfRule type="containsBlanks" dxfId="18" priority="67">
      <formula>LEN(TRIM(D53))=0</formula>
    </cfRule>
  </conditionalFormatting>
  <conditionalFormatting sqref="D111:D114">
    <cfRule type="containsBlanks" dxfId="17" priority="66">
      <formula>LEN(TRIM(D111))=0</formula>
    </cfRule>
  </conditionalFormatting>
  <conditionalFormatting sqref="C225:D225">
    <cfRule type="containsBlanks" dxfId="16" priority="53">
      <formula>LEN(TRIM(C225))=0</formula>
    </cfRule>
  </conditionalFormatting>
  <conditionalFormatting sqref="D109">
    <cfRule type="containsBlanks" dxfId="15" priority="58">
      <formula>LEN(TRIM(D109))=0</formula>
    </cfRule>
  </conditionalFormatting>
  <conditionalFormatting sqref="C226:D226">
    <cfRule type="containsBlanks" dxfId="14" priority="54">
      <formula>LEN(TRIM(C226))=0</formula>
    </cfRule>
  </conditionalFormatting>
  <conditionalFormatting sqref="C228:D228">
    <cfRule type="containsBlanks" dxfId="13" priority="52">
      <formula>LEN(TRIM(C228))=0</formula>
    </cfRule>
  </conditionalFormatting>
  <conditionalFormatting sqref="D219">
    <cfRule type="containsBlanks" dxfId="12" priority="45">
      <formula>LEN(TRIM(D219))=0</formula>
    </cfRule>
  </conditionalFormatting>
  <conditionalFormatting sqref="D73">
    <cfRule type="containsBlanks" dxfId="11" priority="48">
      <formula>LEN(TRIM(D73))=0</formula>
    </cfRule>
  </conditionalFormatting>
  <conditionalFormatting sqref="D126:D133">
    <cfRule type="containsBlanks" dxfId="10" priority="47">
      <formula>LEN(TRIM(D126))=0</formula>
    </cfRule>
  </conditionalFormatting>
  <conditionalFormatting sqref="D137">
    <cfRule type="containsBlanks" dxfId="9" priority="44">
      <formula>LEN(TRIM(D137))=0</formula>
    </cfRule>
  </conditionalFormatting>
  <conditionalFormatting sqref="C113:C118">
    <cfRule type="containsBlanks" dxfId="8" priority="43">
      <formula>LEN(TRIM(C113))=0</formula>
    </cfRule>
  </conditionalFormatting>
  <conditionalFormatting sqref="D90">
    <cfRule type="containsBlanks" dxfId="7" priority="40">
      <formula>LEN(TRIM(D90))=0</formula>
    </cfRule>
  </conditionalFormatting>
  <conditionalFormatting sqref="D119">
    <cfRule type="containsBlanks" dxfId="6" priority="25">
      <formula>LEN(TRIM(D119))=0</formula>
    </cfRule>
  </conditionalFormatting>
  <conditionalFormatting sqref="C119">
    <cfRule type="containsBlanks" dxfId="5" priority="24">
      <formula>LEN(TRIM(C119))=0</formula>
    </cfRule>
  </conditionalFormatting>
  <conditionalFormatting sqref="D67:D70">
    <cfRule type="containsBlanks" dxfId="4" priority="7">
      <formula>LEN(TRIM(D67))=0</formula>
    </cfRule>
  </conditionalFormatting>
  <conditionalFormatting sqref="D80">
    <cfRule type="containsBlanks" dxfId="3" priority="6">
      <formula>LEN(TRIM(D80))=0</formula>
    </cfRule>
  </conditionalFormatting>
  <conditionalFormatting sqref="D83:D88">
    <cfRule type="containsBlanks" dxfId="2" priority="5">
      <formula>LEN(TRIM(D83))=0</formula>
    </cfRule>
  </conditionalFormatting>
  <conditionalFormatting sqref="D120">
    <cfRule type="containsBlanks" dxfId="1" priority="3">
      <formula>LEN(TRIM(D120))=0</formula>
    </cfRule>
  </conditionalFormatting>
  <conditionalFormatting sqref="C120">
    <cfRule type="containsBlanks" dxfId="0" priority="1">
      <formula>LEN(TRIM(C120))=0</formula>
    </cfRule>
  </conditionalFormatting>
  <printOptions horizontalCentered="1"/>
  <pageMargins left="0.70866141732283472" right="0.70866141732283472" top="0.9055118110236221"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48" min="1" max="5" man="1"/>
    <brk id="107" min="1" max="5" man="1"/>
    <brk id="121" min="1" max="5" man="1"/>
    <brk id="152"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4</xdr:row>
                    <xdr:rowOff>9525</xdr:rowOff>
                  </from>
                  <to>
                    <xdr:col>1</xdr:col>
                    <xdr:colOff>885825</xdr:colOff>
                    <xdr:row>34</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5</xdr:row>
                    <xdr:rowOff>0</xdr:rowOff>
                  </from>
                  <to>
                    <xdr:col>1</xdr:col>
                    <xdr:colOff>885825</xdr:colOff>
                    <xdr:row>35</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Katarína Kupcová</cp:lastModifiedBy>
  <cp:lastPrinted>2022-01-11T14:35:12Z</cp:lastPrinted>
  <dcterms:created xsi:type="dcterms:W3CDTF">2017-04-21T05:51:15Z</dcterms:created>
  <dcterms:modified xsi:type="dcterms:W3CDTF">2022-04-01T10:12:08Z</dcterms:modified>
</cp:coreProperties>
</file>